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7.xml" ContentType="application/vnd.openxmlformats-officedocument.presentationml.tags+xml"/>
  <Override PartName="/ppt/notesSlides/notesSlide1.xml" ContentType="application/vnd.openxmlformats-officedocument.presentationml.notesSlide+xml"/>
  <Override PartName="/ppt/tags/tag8.xml" ContentType="application/vnd.openxmlformats-officedocument.presentationml.tags+xml"/>
  <Override PartName="/ppt/notesSlides/notesSlide2.xml" ContentType="application/vnd.openxmlformats-officedocument.presentationml.notesSlide+xml"/>
  <Override PartName="/ppt/tags/tag9.xml" ContentType="application/vnd.openxmlformats-officedocument.presentationml.tags+xml"/>
  <Override PartName="/ppt/notesSlides/notesSlide3.xml" ContentType="application/vnd.openxmlformats-officedocument.presentationml.notesSlide+xml"/>
  <Override PartName="/ppt/tags/tag10.xml" ContentType="application/vnd.openxmlformats-officedocument.presentationml.tags+xml"/>
  <Override PartName="/ppt/notesSlides/notesSlide4.xml" ContentType="application/vnd.openxmlformats-officedocument.presentationml.notesSlide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ppt/tags/tag12.xml" ContentType="application/vnd.openxmlformats-officedocument.presentationml.tags+xml"/>
  <Override PartName="/ppt/notesSlides/notesSlide6.xml" ContentType="application/vnd.openxmlformats-officedocument.presentationml.notesSlide+xml"/>
  <Override PartName="/ppt/tags/tag13.xml" ContentType="application/vnd.openxmlformats-officedocument.presentationml.tags+xml"/>
  <Override PartName="/ppt/notesSlides/notesSlide7.xml" ContentType="application/vnd.openxmlformats-officedocument.presentationml.notesSlide+xml"/>
  <Override PartName="/ppt/tags/tag14.xml" ContentType="application/vnd.openxmlformats-officedocument.presentationml.tags+xml"/>
  <Override PartName="/ppt/notesSlides/notesSlide8.xml" ContentType="application/vnd.openxmlformats-officedocument.presentationml.notesSlide+xml"/>
  <Override PartName="/ppt/tags/tag15.xml" ContentType="application/vnd.openxmlformats-officedocument.presentationml.tags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4"/>
  </p:notesMasterIdLst>
  <p:handoutMasterIdLst>
    <p:handoutMasterId r:id="rId15"/>
  </p:handoutMasterIdLst>
  <p:sldIdLst>
    <p:sldId id="268" r:id="rId3"/>
    <p:sldId id="317" r:id="rId4"/>
    <p:sldId id="320" r:id="rId5"/>
    <p:sldId id="312" r:id="rId6"/>
    <p:sldId id="281" r:id="rId7"/>
    <p:sldId id="313" r:id="rId8"/>
    <p:sldId id="314" r:id="rId9"/>
    <p:sldId id="315" r:id="rId10"/>
    <p:sldId id="316" r:id="rId11"/>
    <p:sldId id="311" r:id="rId12"/>
    <p:sldId id="318" r:id="rId13"/>
  </p:sldIdLst>
  <p:sldSz cx="12192000" cy="6858000"/>
  <p:notesSz cx="6858000" cy="9144000"/>
  <p:embeddedFontLst>
    <p:embeddedFont>
      <p:font typeface="Ubuntu" panose="020B0604020202020204" charset="0"/>
      <p:regular r:id="rId16"/>
      <p:bold r:id="rId17"/>
    </p:embeddedFont>
    <p:embeddedFont>
      <p:font typeface="Calibri Light" panose="020F0302020204030204" pitchFamily="34" charset="0"/>
      <p:regular r:id="rId18"/>
      <p:italic r:id="rId19"/>
    </p:embeddedFont>
    <p:embeddedFont>
      <p:font typeface="Comic Sans MS" panose="030F0702030302020204" pitchFamily="66" charset="0"/>
      <p:regular r:id="rId20"/>
      <p:bold r:id="rId21"/>
      <p:italic r:id="rId22"/>
      <p:boldItalic r:id="rId23"/>
    </p:embeddedFont>
    <p:embeddedFont>
      <p:font typeface="AR CENA" panose="020B0604020202020204" charset="0"/>
      <p:regular r:id="rId24"/>
    </p:embeddedFont>
    <p:embeddedFont>
      <p:font typeface="Kalam Bold" panose="020B0604020202020204" charset="0"/>
      <p:bold r:id="rId25"/>
    </p:embeddedFont>
    <p:embeddedFont>
      <p:font typeface="Calibri" panose="020F0502020204030204" pitchFamily="34" charset="0"/>
      <p:regular r:id="rId26"/>
      <p:bold r:id="rId27"/>
      <p:italic r:id="rId28"/>
      <p:boldItalic r:id="rId29"/>
    </p:embeddedFont>
    <p:embeddedFont>
      <p:font typeface="Trebuchet MS" panose="020B0603020202020204" pitchFamily="34" charset="0"/>
      <p:regular r:id="rId30"/>
      <p:bold r:id="rId31"/>
      <p:italic r:id="rId32"/>
      <p:boldItalic r:id="rId33"/>
    </p:embeddedFont>
    <p:embeddedFont>
      <p:font typeface="Tempus Sans ITC" panose="04020404030D07020202" pitchFamily="82" charset="0"/>
      <p:regular r:id="rId34"/>
    </p:embeddedFont>
    <p:embeddedFont>
      <p:font typeface="Verdana" panose="020B0604030504040204" pitchFamily="34" charset="0"/>
      <p:regular r:id="rId35"/>
      <p:bold r:id="rId36"/>
      <p:italic r:id="rId37"/>
      <p:boldItalic r:id="rId38"/>
    </p:embeddedFont>
    <p:embeddedFont>
      <p:font typeface="Wingdings 3" panose="05040102010807070707" pitchFamily="18" charset="2"/>
      <p:regular r:id="rId39"/>
    </p:embeddedFont>
  </p:embeddedFontLst>
  <p:custDataLst>
    <p:tags r:id="rId4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89EF8"/>
    <a:srgbClr val="4C9BD3"/>
    <a:srgbClr val="0070C0"/>
    <a:srgbClr val="238EB5"/>
    <a:srgbClr val="5D5D5D"/>
    <a:srgbClr val="002F60"/>
    <a:srgbClr val="6699FF"/>
    <a:srgbClr val="353535"/>
    <a:srgbClr val="D0E7F0"/>
    <a:srgbClr val="0373C3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1E4AEA4-8DFA-4A89-87EB-49C32662AFE0}" styleName="Medium Style 2 - Acc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8013" autoAdjust="0"/>
    <p:restoredTop sz="85313" autoAdjust="0"/>
  </p:normalViewPr>
  <p:slideViewPr>
    <p:cSldViewPr snapToGrid="0">
      <p:cViewPr varScale="1">
        <p:scale>
          <a:sx n="59" d="100"/>
          <a:sy n="59" d="100"/>
        </p:scale>
        <p:origin x="132" y="66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font" Target="fonts/font3.fntdata"/><Relationship Id="rId26" Type="http://schemas.openxmlformats.org/officeDocument/2006/relationships/font" Target="fonts/font11.fntdata"/><Relationship Id="rId39" Type="http://schemas.openxmlformats.org/officeDocument/2006/relationships/font" Target="fonts/font24.fntdata"/><Relationship Id="rId3" Type="http://schemas.openxmlformats.org/officeDocument/2006/relationships/slide" Target="slides/slide1.xml"/><Relationship Id="rId21" Type="http://schemas.openxmlformats.org/officeDocument/2006/relationships/font" Target="fonts/font6.fntdata"/><Relationship Id="rId34" Type="http://schemas.openxmlformats.org/officeDocument/2006/relationships/font" Target="fonts/font19.fntdata"/><Relationship Id="rId42" Type="http://schemas.openxmlformats.org/officeDocument/2006/relationships/viewProps" Target="view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font" Target="fonts/font2.fntdata"/><Relationship Id="rId25" Type="http://schemas.openxmlformats.org/officeDocument/2006/relationships/font" Target="fonts/font10.fntdata"/><Relationship Id="rId33" Type="http://schemas.openxmlformats.org/officeDocument/2006/relationships/font" Target="fonts/font18.fntdata"/><Relationship Id="rId38" Type="http://schemas.openxmlformats.org/officeDocument/2006/relationships/font" Target="fonts/font23.fntdata"/><Relationship Id="rId2" Type="http://schemas.openxmlformats.org/officeDocument/2006/relationships/slideMaster" Target="slideMasters/slideMaster2.xml"/><Relationship Id="rId16" Type="http://schemas.openxmlformats.org/officeDocument/2006/relationships/font" Target="fonts/font1.fntdata"/><Relationship Id="rId20" Type="http://schemas.openxmlformats.org/officeDocument/2006/relationships/font" Target="fonts/font5.fntdata"/><Relationship Id="rId29" Type="http://schemas.openxmlformats.org/officeDocument/2006/relationships/font" Target="fonts/font14.fntdata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font" Target="fonts/font9.fntdata"/><Relationship Id="rId32" Type="http://schemas.openxmlformats.org/officeDocument/2006/relationships/font" Target="fonts/font17.fntdata"/><Relationship Id="rId37" Type="http://schemas.openxmlformats.org/officeDocument/2006/relationships/font" Target="fonts/font22.fntdata"/><Relationship Id="rId40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handoutMaster" Target="handoutMasters/handoutMaster1.xml"/><Relationship Id="rId23" Type="http://schemas.openxmlformats.org/officeDocument/2006/relationships/font" Target="fonts/font8.fntdata"/><Relationship Id="rId28" Type="http://schemas.openxmlformats.org/officeDocument/2006/relationships/font" Target="fonts/font13.fntdata"/><Relationship Id="rId36" Type="http://schemas.openxmlformats.org/officeDocument/2006/relationships/font" Target="fonts/font21.fntdata"/><Relationship Id="rId10" Type="http://schemas.openxmlformats.org/officeDocument/2006/relationships/slide" Target="slides/slide8.xml"/><Relationship Id="rId19" Type="http://schemas.openxmlformats.org/officeDocument/2006/relationships/font" Target="fonts/font4.fntdata"/><Relationship Id="rId31" Type="http://schemas.openxmlformats.org/officeDocument/2006/relationships/font" Target="fonts/font16.fntdata"/><Relationship Id="rId44" Type="http://schemas.openxmlformats.org/officeDocument/2006/relationships/tableStyles" Target="tableStyle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notesMaster" Target="notesMasters/notesMaster1.xml"/><Relationship Id="rId22" Type="http://schemas.openxmlformats.org/officeDocument/2006/relationships/font" Target="fonts/font7.fntdata"/><Relationship Id="rId27" Type="http://schemas.openxmlformats.org/officeDocument/2006/relationships/font" Target="fonts/font12.fntdata"/><Relationship Id="rId30" Type="http://schemas.openxmlformats.org/officeDocument/2006/relationships/font" Target="fonts/font15.fntdata"/><Relationship Id="rId35" Type="http://schemas.openxmlformats.org/officeDocument/2006/relationships/font" Target="fonts/font20.fntdata"/><Relationship Id="rId43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454740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3295084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85953529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</a:t>
            </a:r>
            <a:r>
              <a:rPr lang="en-GB" baseline="0" dirty="0"/>
              <a:t> returns to slide 2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2998391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</a:t>
            </a:r>
            <a:r>
              <a:rPr lang="en-GB" baseline="0" dirty="0"/>
              <a:t> returns to slide 2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2343179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</a:t>
            </a:r>
            <a:r>
              <a:rPr lang="en-GB" baseline="0" dirty="0"/>
              <a:t> returns to slide 2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58850171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</a:t>
            </a:r>
            <a:r>
              <a:rPr lang="en-GB" baseline="0" dirty="0"/>
              <a:t> returns to slide 2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05513733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0717525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3.xml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4.xml"/><Relationship Id="rId6" Type="http://schemas.openxmlformats.org/officeDocument/2006/relationships/image" Target="../media/image27.png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slideMaster" Target="../slideMasters/slideMaster1.xml"/><Relationship Id="rId7" Type="http://schemas.openxmlformats.org/officeDocument/2006/relationships/image" Target="../media/image31.png"/><Relationship Id="rId2" Type="http://schemas.openxmlformats.org/officeDocument/2006/relationships/tags" Target="../tags/tag6.xml"/><Relationship Id="rId1" Type="http://schemas.openxmlformats.org/officeDocument/2006/relationships/tags" Target="../tags/tag5.xml"/><Relationship Id="rId6" Type="http://schemas.openxmlformats.org/officeDocument/2006/relationships/image" Target="../media/image30.png"/><Relationship Id="rId5" Type="http://schemas.openxmlformats.org/officeDocument/2006/relationships/image" Target="../media/image29.png"/><Relationship Id="rId4" Type="http://schemas.openxmlformats.org/officeDocument/2006/relationships/image" Target="../media/image28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chemeClr val="accent2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2"/>
            </p:custDataLst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12191998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7601" y="339041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93700" y="1260000"/>
            <a:ext cx="112931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 dirty="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chemeClr val="accent2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7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7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5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6" Type="http://schemas.openxmlformats.org/officeDocument/2006/relationships/image" Target="../media/image55.png"/><Relationship Id="rId11" Type="http://schemas.openxmlformats.org/officeDocument/2006/relationships/image" Target="../media/image60.png"/><Relationship Id="rId5" Type="http://schemas.openxmlformats.org/officeDocument/2006/relationships/image" Target="../media/image54.png"/><Relationship Id="rId10" Type="http://schemas.openxmlformats.org/officeDocument/2006/relationships/image" Target="../media/image59.png"/><Relationship Id="rId4" Type="http://schemas.openxmlformats.org/officeDocument/2006/relationships/image" Target="../media/image53.png"/><Relationship Id="rId9" Type="http://schemas.openxmlformats.org/officeDocument/2006/relationships/image" Target="../media/image58.png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hyperlink" Target="mailto:username@hillcrest.dudley.sch.uk" TargetMode="Externa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8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13" Type="http://schemas.openxmlformats.org/officeDocument/2006/relationships/slide" Target="slide7.xml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38.png"/><Relationship Id="rId12" Type="http://schemas.openxmlformats.org/officeDocument/2006/relationships/slide" Target="slide6.xml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43.png"/><Relationship Id="rId1" Type="http://schemas.openxmlformats.org/officeDocument/2006/relationships/tags" Target="../tags/tag9.xml"/><Relationship Id="rId6" Type="http://schemas.openxmlformats.org/officeDocument/2006/relationships/image" Target="../media/image37.png"/><Relationship Id="rId11" Type="http://schemas.openxmlformats.org/officeDocument/2006/relationships/image" Target="../media/image42.png"/><Relationship Id="rId5" Type="http://schemas.openxmlformats.org/officeDocument/2006/relationships/image" Target="../media/image36.png"/><Relationship Id="rId15" Type="http://schemas.openxmlformats.org/officeDocument/2006/relationships/slide" Target="slide9.xml"/><Relationship Id="rId10" Type="http://schemas.openxmlformats.org/officeDocument/2006/relationships/image" Target="../media/image41.png"/><Relationship Id="rId4" Type="http://schemas.openxmlformats.org/officeDocument/2006/relationships/image" Target="../media/image35.png"/><Relationship Id="rId9" Type="http://schemas.openxmlformats.org/officeDocument/2006/relationships/image" Target="../media/image40.png"/><Relationship Id="rId14" Type="http://schemas.openxmlformats.org/officeDocument/2006/relationships/slide" Target="slide8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46.png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49.png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image" Target="../media/image50.png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3.xml"/><Relationship Id="rId6" Type="http://schemas.openxmlformats.org/officeDocument/2006/relationships/image" Target="../media/image51.png"/><Relationship Id="rId5" Type="http://schemas.openxmlformats.org/officeDocument/2006/relationships/image" Target="../media/image33.png"/><Relationship Id="rId4" Type="http://schemas.openxmlformats.org/officeDocument/2006/relationships/slide" Target="slide4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4" Type="http://schemas.openxmlformats.org/officeDocument/2006/relationships/image" Target="../media/image5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2860674"/>
          </a:xfrm>
        </p:spPr>
        <p:txBody>
          <a:bodyPr/>
          <a:lstStyle/>
          <a:p>
            <a:r>
              <a:rPr lang="en-GB" dirty="0" smtClean="0"/>
              <a:t>6.1 - The </a:t>
            </a:r>
            <a:r>
              <a:rPr lang="en-GB" dirty="0"/>
              <a:t>Purpose of The Main Functional Activities</a:t>
            </a:r>
            <a:endParaRPr lang="en-GB" dirty="0">
              <a:ln w="28575">
                <a:solidFill>
                  <a:srgbClr val="5D5D5D"/>
                </a:solidFill>
              </a:ln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Content Placeholder 6"/>
          <p:cNvSpPr txBox="1">
            <a:spLocks/>
          </p:cNvSpPr>
          <p:nvPr/>
        </p:nvSpPr>
        <p:spPr>
          <a:xfrm>
            <a:off x="1440000" y="1260000"/>
            <a:ext cx="10246854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A start-up business will still need to carry out these activities</a:t>
            </a:r>
          </a:p>
          <a:p>
            <a:pPr lvl="1"/>
            <a:r>
              <a:rPr lang="en-GB" dirty="0"/>
              <a:t>But one person may be responsible for doing a number of different activities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unctional Activities in a Start-up Business</a:t>
            </a:r>
          </a:p>
        </p:txBody>
      </p:sp>
      <p:grpSp>
        <p:nvGrpSpPr>
          <p:cNvPr id="19" name="Group 18">
            <a:extLst>
              <a:ext uri="{FF2B5EF4-FFF2-40B4-BE49-F238E27FC236}">
                <a16:creationId xmlns:a16="http://schemas.microsoft.com/office/drawing/2014/main" id="{17B2A11A-07FE-42DA-B7C4-33BBCEFC7B14}"/>
              </a:ext>
            </a:extLst>
          </p:cNvPr>
          <p:cNvGrpSpPr/>
          <p:nvPr/>
        </p:nvGrpSpPr>
        <p:grpSpPr>
          <a:xfrm>
            <a:off x="1636588" y="1860182"/>
            <a:ext cx="3206331" cy="3137635"/>
            <a:chOff x="742251" y="887314"/>
            <a:chExt cx="3500424" cy="3500424"/>
          </a:xfrm>
        </p:grpSpPr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1FEBDE78-8B91-4D58-8247-825BDED77A4E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42251" y="887314"/>
              <a:ext cx="3500424" cy="3500424"/>
            </a:xfrm>
            <a:prstGeom prst="rect">
              <a:avLst/>
            </a:prstGeom>
          </p:spPr>
        </p:pic>
        <p:grpSp>
          <p:nvGrpSpPr>
            <p:cNvPr id="21" name="Group 20">
              <a:extLst>
                <a:ext uri="{FF2B5EF4-FFF2-40B4-BE49-F238E27FC236}">
                  <a16:creationId xmlns:a16="http://schemas.microsoft.com/office/drawing/2014/main" id="{CF6A906D-C9BD-47DA-B746-5808B6979F10}"/>
                </a:ext>
              </a:extLst>
            </p:cNvPr>
            <p:cNvGrpSpPr/>
            <p:nvPr/>
          </p:nvGrpSpPr>
          <p:grpSpPr>
            <a:xfrm rot="21445970">
              <a:off x="1053032" y="1665826"/>
              <a:ext cx="2582275" cy="1978922"/>
              <a:chOff x="1155642" y="1665534"/>
              <a:chExt cx="2582275" cy="1978922"/>
            </a:xfrm>
          </p:grpSpPr>
          <p:sp>
            <p:nvSpPr>
              <p:cNvPr id="22" name="Rectangle 6">
                <a:extLst>
                  <a:ext uri="{FF2B5EF4-FFF2-40B4-BE49-F238E27FC236}">
                    <a16:creationId xmlns:a16="http://schemas.microsoft.com/office/drawing/2014/main" id="{E14FFE00-B60F-4C57-9300-6D1EC229096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294676" y="2100900"/>
                <a:ext cx="2443241" cy="154355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1" hangingPunct="1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latin typeface="Kalam Bold" panose="020B0604020202020204" charset="0"/>
                    <a:cs typeface="Kalam Bold" panose="020B0604020202020204" charset="0"/>
                  </a:rPr>
                  <a:t>The purpose of  Finance is to keep financial records and to report on financial performance</a:t>
                </a:r>
                <a:endParaRPr lang="en-GB" sz="1800" b="1" dirty="0">
                  <a:solidFill>
                    <a:srgbClr val="2D2DB9"/>
                  </a:solidFill>
                  <a:latin typeface="Kalam Bold" panose="020B0604020202020204" charset="0"/>
                  <a:cs typeface="Kalam Bold" panose="020B0604020202020204" charset="0"/>
                </a:endParaRPr>
              </a:p>
            </p:txBody>
          </p:sp>
          <p:sp>
            <p:nvSpPr>
              <p:cNvPr id="30" name="Rectangle 6">
                <a:extLst>
                  <a:ext uri="{FF2B5EF4-FFF2-40B4-BE49-F238E27FC236}">
                    <a16:creationId xmlns:a16="http://schemas.microsoft.com/office/drawing/2014/main" id="{BDD38EB2-93A2-4342-9977-772B3B12A5E7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155642" y="1665534"/>
                <a:ext cx="2533989" cy="33110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1" hangingPunct="1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solidFill>
                      <a:srgbClr val="389EF8"/>
                    </a:solidFill>
                    <a:latin typeface="Kalam Bold" panose="020B0604020202020204" charset="0"/>
                    <a:cs typeface="Kalam Bold" panose="020B0604020202020204" charset="0"/>
                  </a:rPr>
                  <a:t>FINANCE ACTIVITIES</a:t>
                </a:r>
              </a:p>
            </p:txBody>
          </p:sp>
        </p:grpSp>
      </p:grpSp>
      <p:grpSp>
        <p:nvGrpSpPr>
          <p:cNvPr id="31" name="Group 30">
            <a:extLst>
              <a:ext uri="{FF2B5EF4-FFF2-40B4-BE49-F238E27FC236}">
                <a16:creationId xmlns:a16="http://schemas.microsoft.com/office/drawing/2014/main" id="{FEACA256-39E0-4350-B8E7-AC03B9A30E14}"/>
              </a:ext>
            </a:extLst>
          </p:cNvPr>
          <p:cNvGrpSpPr/>
          <p:nvPr/>
        </p:nvGrpSpPr>
        <p:grpSpPr>
          <a:xfrm>
            <a:off x="784594" y="4265786"/>
            <a:ext cx="3206331" cy="3137635"/>
            <a:chOff x="742251" y="887314"/>
            <a:chExt cx="3500424" cy="3500424"/>
          </a:xfrm>
        </p:grpSpPr>
        <p:pic>
          <p:nvPicPr>
            <p:cNvPr id="32" name="Picture 31">
              <a:extLst>
                <a:ext uri="{FF2B5EF4-FFF2-40B4-BE49-F238E27FC236}">
                  <a16:creationId xmlns:a16="http://schemas.microsoft.com/office/drawing/2014/main" id="{6AABA4BF-4510-4AF3-B57A-1E72CEA1D2B8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42251" y="887314"/>
              <a:ext cx="3500424" cy="3500424"/>
            </a:xfrm>
            <a:prstGeom prst="rect">
              <a:avLst/>
            </a:prstGeom>
          </p:spPr>
        </p:pic>
        <p:grpSp>
          <p:nvGrpSpPr>
            <p:cNvPr id="33" name="Group 32">
              <a:extLst>
                <a:ext uri="{FF2B5EF4-FFF2-40B4-BE49-F238E27FC236}">
                  <a16:creationId xmlns:a16="http://schemas.microsoft.com/office/drawing/2014/main" id="{2520D2ED-7B4B-46C1-946E-3A4278EB3771}"/>
                </a:ext>
              </a:extLst>
            </p:cNvPr>
            <p:cNvGrpSpPr/>
            <p:nvPr/>
          </p:nvGrpSpPr>
          <p:grpSpPr>
            <a:xfrm rot="21445970">
              <a:off x="1053032" y="1665826"/>
              <a:ext cx="2582275" cy="1978922"/>
              <a:chOff x="1155642" y="1665534"/>
              <a:chExt cx="2582275" cy="1978922"/>
            </a:xfrm>
          </p:grpSpPr>
          <p:sp>
            <p:nvSpPr>
              <p:cNvPr id="34" name="Rectangle 6">
                <a:extLst>
                  <a:ext uri="{FF2B5EF4-FFF2-40B4-BE49-F238E27FC236}">
                    <a16:creationId xmlns:a16="http://schemas.microsoft.com/office/drawing/2014/main" id="{1E93112D-D57C-4B2A-9C31-65324C1F1F41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294676" y="2100900"/>
                <a:ext cx="2443241" cy="154355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latin typeface="Kalam Bold" panose="020B0604020202020204" charset="0"/>
                    <a:cs typeface="Kalam Bold" panose="020B0604020202020204" charset="0"/>
                  </a:rPr>
                  <a:t>The purpose of Human Resources is to deal with all aspects of those who work for the business</a:t>
                </a:r>
                <a:endParaRPr lang="en-GB" sz="1800" b="1" dirty="0">
                  <a:solidFill>
                    <a:srgbClr val="2D2DB9"/>
                  </a:solidFill>
                  <a:latin typeface="Kalam Bold" panose="020B0604020202020204" charset="0"/>
                  <a:cs typeface="Kalam Bold" panose="020B0604020202020204" charset="0"/>
                </a:endParaRPr>
              </a:p>
            </p:txBody>
          </p:sp>
          <p:sp>
            <p:nvSpPr>
              <p:cNvPr id="35" name="Rectangle 6">
                <a:extLst>
                  <a:ext uri="{FF2B5EF4-FFF2-40B4-BE49-F238E27FC236}">
                    <a16:creationId xmlns:a16="http://schemas.microsoft.com/office/drawing/2014/main" id="{609F0938-55E0-440F-93D8-AFBB896CED4C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155642" y="1665534"/>
                <a:ext cx="2533989" cy="33110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1" hangingPunct="1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solidFill>
                      <a:srgbClr val="389EF8"/>
                    </a:solidFill>
                    <a:latin typeface="Kalam Bold" panose="020B0604020202020204" charset="0"/>
                    <a:cs typeface="Kalam Bold" panose="020B0604020202020204" charset="0"/>
                  </a:rPr>
                  <a:t>HR ACTIVITIES</a:t>
                </a:r>
              </a:p>
            </p:txBody>
          </p:sp>
        </p:grpSp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F0EE0CE6-C225-4456-9FE3-526F00290933}"/>
              </a:ext>
            </a:extLst>
          </p:cNvPr>
          <p:cNvGrpSpPr/>
          <p:nvPr/>
        </p:nvGrpSpPr>
        <p:grpSpPr>
          <a:xfrm rot="651677">
            <a:off x="9041429" y="1901728"/>
            <a:ext cx="3206331" cy="3137635"/>
            <a:chOff x="742251" y="887314"/>
            <a:chExt cx="3500424" cy="3500424"/>
          </a:xfrm>
        </p:grpSpPr>
        <p:pic>
          <p:nvPicPr>
            <p:cNvPr id="37" name="Picture 36">
              <a:extLst>
                <a:ext uri="{FF2B5EF4-FFF2-40B4-BE49-F238E27FC236}">
                  <a16:creationId xmlns:a16="http://schemas.microsoft.com/office/drawing/2014/main" id="{3E4B1A61-FBE0-433F-AF1E-89CCA3BC574D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42251" y="887314"/>
              <a:ext cx="3500424" cy="3500424"/>
            </a:xfrm>
            <a:prstGeom prst="rect">
              <a:avLst/>
            </a:prstGeom>
          </p:spPr>
        </p:pic>
        <p:grpSp>
          <p:nvGrpSpPr>
            <p:cNvPr id="38" name="Group 37">
              <a:extLst>
                <a:ext uri="{FF2B5EF4-FFF2-40B4-BE49-F238E27FC236}">
                  <a16:creationId xmlns:a16="http://schemas.microsoft.com/office/drawing/2014/main" id="{B56BF1B6-BE8F-4D2D-AD0B-381CE5C12EF2}"/>
                </a:ext>
              </a:extLst>
            </p:cNvPr>
            <p:cNvGrpSpPr/>
            <p:nvPr/>
          </p:nvGrpSpPr>
          <p:grpSpPr>
            <a:xfrm rot="21445970">
              <a:off x="1030405" y="1666303"/>
              <a:ext cx="2642443" cy="1978109"/>
              <a:chOff x="1133006" y="1666347"/>
              <a:chExt cx="2642443" cy="1978109"/>
            </a:xfrm>
          </p:grpSpPr>
          <p:sp>
            <p:nvSpPr>
              <p:cNvPr id="39" name="Rectangle 6">
                <a:extLst>
                  <a:ext uri="{FF2B5EF4-FFF2-40B4-BE49-F238E27FC236}">
                    <a16:creationId xmlns:a16="http://schemas.microsoft.com/office/drawing/2014/main" id="{25B36665-212A-4BEB-A7C6-CA7E607C08BA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294676" y="2100900"/>
                <a:ext cx="2443241" cy="154355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latin typeface="Kalam Bold" panose="020B0604020202020204" charset="0"/>
                    <a:cs typeface="Kalam Bold" panose="020B0604020202020204" charset="0"/>
                  </a:rPr>
                  <a:t>The purpose of Marketing is to identify what customers want, and then provide it</a:t>
                </a:r>
                <a:endParaRPr lang="en-GB" sz="1800" b="1" dirty="0">
                  <a:solidFill>
                    <a:srgbClr val="2D2DB9"/>
                  </a:solidFill>
                  <a:latin typeface="Kalam Bold" panose="020B0604020202020204" charset="0"/>
                  <a:cs typeface="Kalam Bold" panose="020B0604020202020204" charset="0"/>
                </a:endParaRPr>
              </a:p>
            </p:txBody>
          </p:sp>
          <p:sp>
            <p:nvSpPr>
              <p:cNvPr id="40" name="Rectangle 6">
                <a:extLst>
                  <a:ext uri="{FF2B5EF4-FFF2-40B4-BE49-F238E27FC236}">
                    <a16:creationId xmlns:a16="http://schemas.microsoft.com/office/drawing/2014/main" id="{5E74C34E-7696-48C7-83D1-62F728B0A841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133006" y="1666347"/>
                <a:ext cx="2642443" cy="33110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1" hangingPunct="1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solidFill>
                      <a:srgbClr val="389EF8"/>
                    </a:solidFill>
                    <a:latin typeface="Kalam Bold" panose="020B0604020202020204" charset="0"/>
                    <a:cs typeface="Kalam Bold" panose="020B0604020202020204" charset="0"/>
                  </a:rPr>
                  <a:t>MARKETING ACTIVITIES</a:t>
                </a:r>
              </a:p>
            </p:txBody>
          </p:sp>
        </p:grpSp>
      </p:grpSp>
      <p:grpSp>
        <p:nvGrpSpPr>
          <p:cNvPr id="41" name="Group 40">
            <a:extLst>
              <a:ext uri="{FF2B5EF4-FFF2-40B4-BE49-F238E27FC236}">
                <a16:creationId xmlns:a16="http://schemas.microsoft.com/office/drawing/2014/main" id="{7BBAE549-B516-4B01-BAA2-81A5BD9799B3}"/>
              </a:ext>
            </a:extLst>
          </p:cNvPr>
          <p:cNvGrpSpPr/>
          <p:nvPr/>
        </p:nvGrpSpPr>
        <p:grpSpPr>
          <a:xfrm rot="651677">
            <a:off x="8092734" y="4151040"/>
            <a:ext cx="3206331" cy="3137635"/>
            <a:chOff x="742251" y="887314"/>
            <a:chExt cx="3500424" cy="3500424"/>
          </a:xfrm>
        </p:grpSpPr>
        <p:pic>
          <p:nvPicPr>
            <p:cNvPr id="42" name="Picture 41">
              <a:extLst>
                <a:ext uri="{FF2B5EF4-FFF2-40B4-BE49-F238E27FC236}">
                  <a16:creationId xmlns:a16="http://schemas.microsoft.com/office/drawing/2014/main" id="{FB8B12A5-4439-45D3-A2D2-1C002377A47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42251" y="887314"/>
              <a:ext cx="3500424" cy="3500424"/>
            </a:xfrm>
            <a:prstGeom prst="rect">
              <a:avLst/>
            </a:prstGeom>
          </p:spPr>
        </p:pic>
        <p:grpSp>
          <p:nvGrpSpPr>
            <p:cNvPr id="43" name="Group 42">
              <a:extLst>
                <a:ext uri="{FF2B5EF4-FFF2-40B4-BE49-F238E27FC236}">
                  <a16:creationId xmlns:a16="http://schemas.microsoft.com/office/drawing/2014/main" id="{9E0B81B0-6632-46AC-B3D3-A8CFF2553D8A}"/>
                </a:ext>
              </a:extLst>
            </p:cNvPr>
            <p:cNvGrpSpPr/>
            <p:nvPr/>
          </p:nvGrpSpPr>
          <p:grpSpPr>
            <a:xfrm rot="21445970">
              <a:off x="953012" y="1657310"/>
              <a:ext cx="2729883" cy="1988611"/>
              <a:chOff x="1055812" y="1655845"/>
              <a:chExt cx="2729883" cy="1988611"/>
            </a:xfrm>
          </p:grpSpPr>
          <p:sp>
            <p:nvSpPr>
              <p:cNvPr id="44" name="Rectangle 6">
                <a:extLst>
                  <a:ext uri="{FF2B5EF4-FFF2-40B4-BE49-F238E27FC236}">
                    <a16:creationId xmlns:a16="http://schemas.microsoft.com/office/drawing/2014/main" id="{54E5F3C3-297E-4C1B-9514-39B6EC56ED2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294676" y="2100900"/>
                <a:ext cx="2443241" cy="154355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latin typeface="Kalam Bold" panose="020B0604020202020204" charset="0"/>
                    <a:cs typeface="Kalam Bold" panose="020B0604020202020204" charset="0"/>
                  </a:rPr>
                  <a:t>The purpose of Operations is to organise the production of outputs using raw materials</a:t>
                </a:r>
              </a:p>
            </p:txBody>
          </p:sp>
          <p:sp>
            <p:nvSpPr>
              <p:cNvPr id="45" name="Rectangle 6">
                <a:extLst>
                  <a:ext uri="{FF2B5EF4-FFF2-40B4-BE49-F238E27FC236}">
                    <a16:creationId xmlns:a16="http://schemas.microsoft.com/office/drawing/2014/main" id="{8BC9B991-F680-49B3-A70B-F4F70294BC4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rot="21441752">
                <a:off x="1055812" y="1655845"/>
                <a:ext cx="2729883" cy="33110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12700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 eaLnBrk="1" hangingPunct="1">
                  <a:lnSpc>
                    <a:spcPct val="90000"/>
                  </a:lnSpc>
                  <a:spcBef>
                    <a:spcPct val="20000"/>
                  </a:spcBef>
                </a:pPr>
                <a:r>
                  <a:rPr lang="en-GB" sz="1800" b="1" dirty="0">
                    <a:solidFill>
                      <a:srgbClr val="389EF8"/>
                    </a:solidFill>
                    <a:latin typeface="Kalam Bold" panose="020B0604020202020204" charset="0"/>
                    <a:cs typeface="Kalam Bold" panose="020B0604020202020204" charset="0"/>
                  </a:rPr>
                  <a:t>OPERATIONS ACTIVITIES</a:t>
                </a:r>
              </a:p>
            </p:txBody>
          </p:sp>
        </p:grpSp>
      </p:grpSp>
      <p:grpSp>
        <p:nvGrpSpPr>
          <p:cNvPr id="46" name="Group 45">
            <a:extLst>
              <a:ext uri="{FF2B5EF4-FFF2-40B4-BE49-F238E27FC236}">
                <a16:creationId xmlns:a16="http://schemas.microsoft.com/office/drawing/2014/main" id="{73896D15-6925-48E8-94C3-6C6BDD5D508D}"/>
              </a:ext>
            </a:extLst>
          </p:cNvPr>
          <p:cNvGrpSpPr/>
          <p:nvPr/>
        </p:nvGrpSpPr>
        <p:grpSpPr>
          <a:xfrm>
            <a:off x="4594780" y="2577709"/>
            <a:ext cx="2124419" cy="1616260"/>
            <a:chOff x="4552977" y="1744675"/>
            <a:chExt cx="2455548" cy="1681203"/>
          </a:xfrm>
        </p:grpSpPr>
        <p:pic>
          <p:nvPicPr>
            <p:cNvPr id="47" name="Picture 46">
              <a:extLst>
                <a:ext uri="{FF2B5EF4-FFF2-40B4-BE49-F238E27FC236}">
                  <a16:creationId xmlns:a16="http://schemas.microsoft.com/office/drawing/2014/main" id="{B804D516-8371-429E-833A-9F4391A6A374}"/>
                </a:ext>
              </a:extLst>
            </p:cNvPr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4773547" y="1744675"/>
              <a:ext cx="2234978" cy="1681203"/>
            </a:xfrm>
            <a:prstGeom prst="rect">
              <a:avLst/>
            </a:prstGeom>
          </p:spPr>
        </p:pic>
        <p:sp>
          <p:nvSpPr>
            <p:cNvPr id="48" name="TextBox 47">
              <a:extLst>
                <a:ext uri="{FF2B5EF4-FFF2-40B4-BE49-F238E27FC236}">
                  <a16:creationId xmlns:a16="http://schemas.microsoft.com/office/drawing/2014/main" id="{7BEF0C0F-AC89-47B4-91BE-95C0C31AC819}"/>
                </a:ext>
              </a:extLst>
            </p:cNvPr>
            <p:cNvSpPr txBox="1"/>
            <p:nvPr/>
          </p:nvSpPr>
          <p:spPr>
            <a:xfrm rot="21480000">
              <a:off x="4552977" y="1877802"/>
              <a:ext cx="1581172" cy="337767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>
                  <a:rot lat="19476224" lon="18883146" rev="3432000"/>
                </a:camera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FINANCE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</p:grpSp>
      <p:grpSp>
        <p:nvGrpSpPr>
          <p:cNvPr id="49" name="Group 48">
            <a:extLst>
              <a:ext uri="{FF2B5EF4-FFF2-40B4-BE49-F238E27FC236}">
                <a16:creationId xmlns:a16="http://schemas.microsoft.com/office/drawing/2014/main" id="{6D99847A-2467-4C88-BDE0-7E83E038BC47}"/>
              </a:ext>
            </a:extLst>
          </p:cNvPr>
          <p:cNvGrpSpPr/>
          <p:nvPr/>
        </p:nvGrpSpPr>
        <p:grpSpPr>
          <a:xfrm>
            <a:off x="6695813" y="2262486"/>
            <a:ext cx="2358221" cy="1656111"/>
            <a:chOff x="6957064" y="1417401"/>
            <a:chExt cx="2725789" cy="1722655"/>
          </a:xfrm>
        </p:grpSpPr>
        <p:pic>
          <p:nvPicPr>
            <p:cNvPr id="50" name="Picture 49">
              <a:extLst>
                <a:ext uri="{FF2B5EF4-FFF2-40B4-BE49-F238E27FC236}">
                  <a16:creationId xmlns:a16="http://schemas.microsoft.com/office/drawing/2014/main" id="{03764E5B-55EF-44F8-9993-96FCE4DD4993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flipH="1">
              <a:off x="6957064" y="1417401"/>
              <a:ext cx="2258451" cy="1722655"/>
            </a:xfrm>
            <a:prstGeom prst="rect">
              <a:avLst/>
            </a:prstGeom>
          </p:spPr>
        </p:pic>
        <p:sp>
          <p:nvSpPr>
            <p:cNvPr id="51" name="TextBox 50">
              <a:extLst>
                <a:ext uri="{FF2B5EF4-FFF2-40B4-BE49-F238E27FC236}">
                  <a16:creationId xmlns:a16="http://schemas.microsoft.com/office/drawing/2014/main" id="{250DBBC1-A25B-4901-9660-8C72D501EDF4}"/>
                </a:ext>
              </a:extLst>
            </p:cNvPr>
            <p:cNvSpPr txBox="1"/>
            <p:nvPr/>
          </p:nvSpPr>
          <p:spPr>
            <a:xfrm rot="21420000">
              <a:off x="7655242" y="2646967"/>
              <a:ext cx="2027611" cy="337766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>
                  <a:rot lat="19476224" lon="18883146" rev="3432000"/>
                </a:camera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MARKETING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</p:grpSp>
      <p:grpSp>
        <p:nvGrpSpPr>
          <p:cNvPr id="52" name="Group 51">
            <a:extLst>
              <a:ext uri="{FF2B5EF4-FFF2-40B4-BE49-F238E27FC236}">
                <a16:creationId xmlns:a16="http://schemas.microsoft.com/office/drawing/2014/main" id="{409F249D-D163-4494-9B81-A004950B4A8F}"/>
              </a:ext>
            </a:extLst>
          </p:cNvPr>
          <p:cNvGrpSpPr/>
          <p:nvPr/>
        </p:nvGrpSpPr>
        <p:grpSpPr>
          <a:xfrm>
            <a:off x="3610078" y="4710936"/>
            <a:ext cx="2565848" cy="1724531"/>
            <a:chOff x="3419494" y="3970385"/>
            <a:chExt cx="2965777" cy="1793824"/>
          </a:xfrm>
        </p:grpSpPr>
        <p:pic>
          <p:nvPicPr>
            <p:cNvPr id="53" name="Picture 52">
              <a:extLst>
                <a:ext uri="{FF2B5EF4-FFF2-40B4-BE49-F238E27FC236}">
                  <a16:creationId xmlns:a16="http://schemas.microsoft.com/office/drawing/2014/main" id="{6168FD65-4D56-4FB4-890D-2257166062C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51228" y="3970385"/>
              <a:ext cx="2134043" cy="1675583"/>
            </a:xfrm>
            <a:prstGeom prst="rect">
              <a:avLst/>
            </a:prstGeom>
          </p:spPr>
        </p:pic>
        <p:sp>
          <p:nvSpPr>
            <p:cNvPr id="54" name="TextBox 53">
              <a:extLst>
                <a:ext uri="{FF2B5EF4-FFF2-40B4-BE49-F238E27FC236}">
                  <a16:creationId xmlns:a16="http://schemas.microsoft.com/office/drawing/2014/main" id="{5D3D3E84-3323-4D00-A81C-0863886AE7E5}"/>
                </a:ext>
              </a:extLst>
            </p:cNvPr>
            <p:cNvSpPr txBox="1"/>
            <p:nvPr/>
          </p:nvSpPr>
          <p:spPr>
            <a:xfrm>
              <a:off x="3419494" y="5230149"/>
              <a:ext cx="1930073" cy="53406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BottomDown"/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HUMAN</a:t>
              </a:r>
              <a:br>
                <a:rPr lang="en-GB" sz="2000" b="1" dirty="0">
                  <a:solidFill>
                    <a:srgbClr val="5D5D5D"/>
                  </a:solidFill>
                </a:rPr>
              </a:br>
              <a:r>
                <a:rPr lang="en-GB" sz="2000" b="1" dirty="0">
                  <a:solidFill>
                    <a:srgbClr val="5D5D5D"/>
                  </a:solidFill>
                </a:rPr>
                <a:t>RESOURCES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</p:grpSp>
      <p:grpSp>
        <p:nvGrpSpPr>
          <p:cNvPr id="55" name="Group 54">
            <a:extLst>
              <a:ext uri="{FF2B5EF4-FFF2-40B4-BE49-F238E27FC236}">
                <a16:creationId xmlns:a16="http://schemas.microsoft.com/office/drawing/2014/main" id="{09ED0E4F-FAF1-4298-8DD0-AE8EADD94310}"/>
              </a:ext>
            </a:extLst>
          </p:cNvPr>
          <p:cNvGrpSpPr/>
          <p:nvPr/>
        </p:nvGrpSpPr>
        <p:grpSpPr>
          <a:xfrm>
            <a:off x="5460114" y="3495735"/>
            <a:ext cx="1926544" cy="1626552"/>
            <a:chOff x="5564410" y="2677963"/>
            <a:chExt cx="2226828" cy="1691908"/>
          </a:xfrm>
        </p:grpSpPr>
        <p:pic>
          <p:nvPicPr>
            <p:cNvPr id="56" name="Picture 55">
              <a:extLst>
                <a:ext uri="{FF2B5EF4-FFF2-40B4-BE49-F238E27FC236}">
                  <a16:creationId xmlns:a16="http://schemas.microsoft.com/office/drawing/2014/main" id="{FE8C5E76-BF7B-4319-885C-77CFA732E5DA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565923" y="2677963"/>
              <a:ext cx="2225315" cy="1691908"/>
            </a:xfrm>
            <a:prstGeom prst="rect">
              <a:avLst/>
            </a:prstGeom>
          </p:spPr>
        </p:pic>
        <p:sp>
          <p:nvSpPr>
            <p:cNvPr id="57" name="TextBox 56">
              <a:extLst>
                <a:ext uri="{FF2B5EF4-FFF2-40B4-BE49-F238E27FC236}">
                  <a16:creationId xmlns:a16="http://schemas.microsoft.com/office/drawing/2014/main" id="{23B4B750-B850-4615-96DA-F967F5F7105A}"/>
                </a:ext>
              </a:extLst>
            </p:cNvPr>
            <p:cNvSpPr txBox="1"/>
            <p:nvPr/>
          </p:nvSpPr>
          <p:spPr>
            <a:xfrm>
              <a:off x="5564410" y="3333098"/>
              <a:ext cx="2207592" cy="864387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/>
                <a:lightRig rig="threePt" dir="t"/>
              </a:scene3d>
            </a:bodyPr>
            <a:lstStyle/>
            <a:p>
              <a:pPr algn="ctr"/>
              <a:r>
                <a:rPr lang="en-GB" sz="1600" b="1" dirty="0">
                  <a:solidFill>
                    <a:srgbClr val="002060"/>
                  </a:solidFill>
                </a:rPr>
                <a:t>FUNCTIONAL </a:t>
              </a:r>
              <a:br>
                <a:rPr lang="en-GB" sz="1600" b="1" dirty="0">
                  <a:solidFill>
                    <a:srgbClr val="002060"/>
                  </a:solidFill>
                </a:rPr>
              </a:br>
              <a:r>
                <a:rPr lang="en-GB" sz="1600" b="1" dirty="0">
                  <a:solidFill>
                    <a:srgbClr val="002060"/>
                  </a:solidFill>
                </a:rPr>
                <a:t>ACTIVITIES IN A</a:t>
              </a:r>
              <a:br>
                <a:rPr lang="en-GB" sz="1600" b="1" dirty="0">
                  <a:solidFill>
                    <a:srgbClr val="002060"/>
                  </a:solidFill>
                </a:rPr>
              </a:br>
              <a:r>
                <a:rPr lang="en-GB" sz="1600" b="1" dirty="0">
                  <a:solidFill>
                    <a:srgbClr val="002060"/>
                  </a:solidFill>
                </a:rPr>
                <a:t>SMALL BUSINESS</a:t>
              </a:r>
            </a:p>
          </p:txBody>
        </p:sp>
      </p:grpSp>
      <p:grpSp>
        <p:nvGrpSpPr>
          <p:cNvPr id="58" name="Group 57">
            <a:extLst>
              <a:ext uri="{FF2B5EF4-FFF2-40B4-BE49-F238E27FC236}">
                <a16:creationId xmlns:a16="http://schemas.microsoft.com/office/drawing/2014/main" id="{D8DB2BCD-46A8-4315-938B-0A5D6860C795}"/>
              </a:ext>
            </a:extLst>
          </p:cNvPr>
          <p:cNvGrpSpPr/>
          <p:nvPr/>
        </p:nvGrpSpPr>
        <p:grpSpPr>
          <a:xfrm>
            <a:off x="5608308" y="4391185"/>
            <a:ext cx="2743482" cy="1857793"/>
            <a:chOff x="5735825" y="3599375"/>
            <a:chExt cx="3171096" cy="1932441"/>
          </a:xfrm>
        </p:grpSpPr>
        <p:pic>
          <p:nvPicPr>
            <p:cNvPr id="59" name="Picture 58">
              <a:extLst>
                <a:ext uri="{FF2B5EF4-FFF2-40B4-BE49-F238E27FC236}">
                  <a16:creationId xmlns:a16="http://schemas.microsoft.com/office/drawing/2014/main" id="{719B9CF0-FCDE-4745-8C66-18D3E9AA4065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156089" y="3599375"/>
              <a:ext cx="684803" cy="838930"/>
            </a:xfrm>
            <a:prstGeom prst="rect">
              <a:avLst/>
            </a:prstGeom>
          </p:spPr>
        </p:pic>
        <p:pic>
          <p:nvPicPr>
            <p:cNvPr id="60" name="Picture 59">
              <a:extLst>
                <a:ext uri="{FF2B5EF4-FFF2-40B4-BE49-F238E27FC236}">
                  <a16:creationId xmlns:a16="http://schemas.microsoft.com/office/drawing/2014/main" id="{B69EFA44-E92B-43DC-AA73-C90A90D2A8BA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 rot="170258">
              <a:off x="6385271" y="3912159"/>
              <a:ext cx="788991" cy="1041469"/>
            </a:xfrm>
            <a:prstGeom prst="rect">
              <a:avLst/>
            </a:prstGeom>
          </p:spPr>
        </p:pic>
        <p:grpSp>
          <p:nvGrpSpPr>
            <p:cNvPr id="61" name="Group 60">
              <a:extLst>
                <a:ext uri="{FF2B5EF4-FFF2-40B4-BE49-F238E27FC236}">
                  <a16:creationId xmlns:a16="http://schemas.microsoft.com/office/drawing/2014/main" id="{824D724E-5C47-43E1-83D8-CCF4CE760261}"/>
                </a:ext>
              </a:extLst>
            </p:cNvPr>
            <p:cNvGrpSpPr/>
            <p:nvPr/>
          </p:nvGrpSpPr>
          <p:grpSpPr>
            <a:xfrm>
              <a:off x="5735825" y="4011265"/>
              <a:ext cx="3171096" cy="1520551"/>
              <a:chOff x="5735825" y="4011265"/>
              <a:chExt cx="3171096" cy="1520551"/>
            </a:xfrm>
          </p:grpSpPr>
          <p:pic>
            <p:nvPicPr>
              <p:cNvPr id="62" name="Picture 61">
                <a:extLst>
                  <a:ext uri="{FF2B5EF4-FFF2-40B4-BE49-F238E27FC236}">
                    <a16:creationId xmlns:a16="http://schemas.microsoft.com/office/drawing/2014/main" id="{870256AD-D116-4A2B-A4DA-201F0E32F8A2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1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389487" y="4011265"/>
                <a:ext cx="2517434" cy="1520551"/>
              </a:xfrm>
              <a:prstGeom prst="rect">
                <a:avLst/>
              </a:prstGeom>
            </p:spPr>
          </p:pic>
          <p:sp>
            <p:nvSpPr>
              <p:cNvPr id="63" name="TextBox 62">
                <a:extLst>
                  <a:ext uri="{FF2B5EF4-FFF2-40B4-BE49-F238E27FC236}">
                    <a16:creationId xmlns:a16="http://schemas.microsoft.com/office/drawing/2014/main" id="{692EC621-50DF-479D-B477-B0E4575E87C1}"/>
                  </a:ext>
                </a:extLst>
              </p:cNvPr>
              <p:cNvSpPr txBox="1"/>
              <p:nvPr/>
            </p:nvSpPr>
            <p:spPr>
              <a:xfrm rot="21540000">
                <a:off x="5735825" y="5120050"/>
                <a:ext cx="2455584" cy="337767"/>
              </a:xfrm>
              <a:prstGeom prst="rect">
                <a:avLst/>
              </a:prstGeom>
              <a:noFill/>
              <a:ln>
                <a:noFill/>
              </a:ln>
            </p:spPr>
            <p:txBody>
              <a:bodyPr wrap="square" rtlCol="0">
                <a:spAutoFit/>
                <a:scene3d>
                  <a:camera prst="isometricBottomDown"/>
                  <a:lightRig rig="threePt" dir="t"/>
                </a:scene3d>
              </a:bodyPr>
              <a:lstStyle/>
              <a:p>
                <a:pPr algn="ctr"/>
                <a:r>
                  <a:rPr lang="en-GB" sz="2000" b="1" dirty="0">
                    <a:solidFill>
                      <a:srgbClr val="5D5D5D"/>
                    </a:solidFill>
                  </a:rPr>
                  <a:t>OPERATIONS</a:t>
                </a:r>
                <a:endParaRPr lang="en-GB" sz="1200" b="1" dirty="0">
                  <a:solidFill>
                    <a:srgbClr val="5D5D5D"/>
                  </a:solidFill>
                </a:endParaRPr>
              </a:p>
            </p:txBody>
          </p:sp>
        </p:grpSp>
      </p:grpSp>
    </p:spTree>
    <p:custDataLst>
      <p:tags r:id="rId1"/>
    </p:custDataLst>
    <p:extLst>
      <p:ext uri="{BB962C8B-B14F-4D97-AF65-F5344CB8AC3E}">
        <p14:creationId xmlns:p14="http://schemas.microsoft.com/office/powerpoint/2010/main" val="8206808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18848" y="1352471"/>
            <a:ext cx="11618029" cy="738288"/>
          </a:xfrm>
        </p:spPr>
        <p:txBody>
          <a:bodyPr/>
          <a:lstStyle/>
          <a:p>
            <a:r>
              <a:rPr lang="en-GB" sz="5400" dirty="0">
                <a:latin typeface="hurme_no2-webfont"/>
              </a:rPr>
              <a:t>https://</a:t>
            </a:r>
            <a:r>
              <a:rPr lang="en-GB" sz="5400" dirty="0" smtClean="0">
                <a:latin typeface="hurme_no2-webfont"/>
              </a:rPr>
              <a:t>quizlet.com/join/CJtRyVFVc</a:t>
            </a:r>
            <a:endParaRPr lang="en-GB" sz="5400" dirty="0"/>
          </a:p>
        </p:txBody>
      </p:sp>
      <p:sp>
        <p:nvSpPr>
          <p:cNvPr id="7" name="Rectangle 6"/>
          <p:cNvSpPr/>
          <p:nvPr/>
        </p:nvSpPr>
        <p:spPr>
          <a:xfrm>
            <a:off x="318848" y="2397054"/>
            <a:ext cx="10652794" cy="415498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GB" sz="4400" dirty="0" smtClean="0">
                <a:latin typeface="hurme_no2-webfont"/>
              </a:rPr>
              <a:t>Sign up for free access</a:t>
            </a:r>
          </a:p>
          <a:p>
            <a:pPr marL="1200150" lvl="1" indent="-742950">
              <a:buFont typeface="+mj-lt"/>
              <a:buAutoNum type="alphaLcParenR"/>
            </a:pPr>
            <a:r>
              <a:rPr lang="en-GB" sz="4400" dirty="0" smtClean="0">
                <a:latin typeface="hurme_no2-webfont"/>
              </a:rPr>
              <a:t>DOB</a:t>
            </a:r>
          </a:p>
          <a:p>
            <a:pPr marL="1200150" lvl="1" indent="-742950">
              <a:buFont typeface="+mj-lt"/>
              <a:buAutoNum type="alphaLcParenR"/>
            </a:pPr>
            <a:r>
              <a:rPr lang="en-GB" sz="4400" dirty="0" smtClean="0">
                <a:latin typeface="hurme_no2-webfont"/>
              </a:rPr>
              <a:t>Use Real Name or as close as you can</a:t>
            </a:r>
            <a:endParaRPr lang="en-GB" sz="4400" dirty="0">
              <a:latin typeface="hurme_no2-webfont"/>
            </a:endParaRPr>
          </a:p>
          <a:p>
            <a:pPr marL="1200150" lvl="1" indent="-742950">
              <a:buFont typeface="+mj-lt"/>
              <a:buAutoNum type="alphaLcParenR"/>
            </a:pPr>
            <a:r>
              <a:rPr lang="en-GB" sz="4400" dirty="0" smtClean="0">
                <a:latin typeface="hurme_no2-webfont"/>
                <a:hlinkClick r:id="rId2"/>
              </a:rPr>
              <a:t>username@hillcrest.dudley.sch.uk</a:t>
            </a:r>
            <a:endParaRPr lang="en-GB" sz="4400" dirty="0" smtClean="0">
              <a:latin typeface="hurme_no2-webfont"/>
            </a:endParaRPr>
          </a:p>
          <a:p>
            <a:pPr marL="1200150" lvl="1" indent="-742950">
              <a:buFont typeface="+mj-lt"/>
              <a:buAutoNum type="alphaLcParenR"/>
            </a:pPr>
            <a:r>
              <a:rPr lang="en-GB" sz="4400" dirty="0" smtClean="0">
                <a:latin typeface="hurme_no2-webfont"/>
              </a:rPr>
              <a:t>Accept terms and conditions</a:t>
            </a:r>
          </a:p>
        </p:txBody>
      </p:sp>
    </p:spTree>
    <p:extLst>
      <p:ext uri="{BB962C8B-B14F-4D97-AF65-F5344CB8AC3E}">
        <p14:creationId xmlns:p14="http://schemas.microsoft.com/office/powerpoint/2010/main" val="22241077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2860674"/>
          </a:xfrm>
        </p:spPr>
        <p:txBody>
          <a:bodyPr/>
          <a:lstStyle/>
          <a:p>
            <a:r>
              <a:rPr lang="en-GB" dirty="0" smtClean="0"/>
              <a:t>6.2 - </a:t>
            </a:r>
            <a:r>
              <a:rPr lang="en-GB" dirty="0"/>
              <a:t>The Main Activities</a:t>
            </a:r>
            <a:br>
              <a:rPr lang="en-GB" dirty="0"/>
            </a:br>
            <a:r>
              <a:rPr lang="en-GB" dirty="0"/>
              <a:t>of The Functional Areas</a:t>
            </a:r>
            <a:endParaRPr lang="en-GB" dirty="0">
              <a:ln w="28575">
                <a:solidFill>
                  <a:srgbClr val="5D5D5D"/>
                </a:solidFill>
              </a:ln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5476315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rogress Indicators</a:t>
            </a:r>
            <a:endParaRPr lang="en-GB" dirty="0"/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849086" y="1260000"/>
            <a:ext cx="10837768" cy="4898542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4400" dirty="0"/>
              <a:t>Outstanding  Progress – Identify the main activities of each functional area</a:t>
            </a:r>
            <a:endParaRPr lang="en-GB" sz="40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en-GB" sz="4400" dirty="0"/>
              <a:t>Good Progress – Identify the purpose of the main functional areas. </a:t>
            </a:r>
            <a:endParaRPr lang="en-GB" sz="40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endParaRPr lang="en-GB" sz="4400" dirty="0"/>
          </a:p>
        </p:txBody>
      </p:sp>
    </p:spTree>
    <p:extLst>
      <p:ext uri="{BB962C8B-B14F-4D97-AF65-F5344CB8AC3E}">
        <p14:creationId xmlns:p14="http://schemas.microsoft.com/office/powerpoint/2010/main" val="28604331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unctional Activities in a Start-up Business</a:t>
            </a:r>
          </a:p>
        </p:txBody>
      </p:sp>
      <p:pic>
        <p:nvPicPr>
          <p:cNvPr id="16" name="Content Placeholder 4">
            <a:hlinkClick r:id="" action="ppaction://noaction"/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grpSp>
        <p:nvGrpSpPr>
          <p:cNvPr id="2" name="Group 1">
            <a:extLst>
              <a:ext uri="{FF2B5EF4-FFF2-40B4-BE49-F238E27FC236}">
                <a16:creationId xmlns:a16="http://schemas.microsoft.com/office/drawing/2014/main" id="{B4E63064-B46D-4C3F-AF07-7D6ACCA01B14}"/>
              </a:ext>
            </a:extLst>
          </p:cNvPr>
          <p:cNvGrpSpPr/>
          <p:nvPr/>
        </p:nvGrpSpPr>
        <p:grpSpPr>
          <a:xfrm>
            <a:off x="4106665" y="1019611"/>
            <a:ext cx="8085335" cy="5838389"/>
            <a:chOff x="2161396" y="971838"/>
            <a:chExt cx="7111402" cy="5447962"/>
          </a:xfrm>
        </p:grpSpPr>
        <p:pic>
          <p:nvPicPr>
            <p:cNvPr id="3" name="Picture 2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673345" y="2669590"/>
              <a:ext cx="2482491" cy="2004192"/>
            </a:xfrm>
            <a:prstGeom prst="rect">
              <a:avLst/>
            </a:prstGeom>
          </p:spPr>
        </p:pic>
        <p:pic>
          <p:nvPicPr>
            <p:cNvPr id="23" name="Picture 22">
              <a:extLst>
                <a:ext uri="{FF2B5EF4-FFF2-40B4-BE49-F238E27FC236}">
                  <a16:creationId xmlns:a16="http://schemas.microsoft.com/office/drawing/2014/main" id="{2FD1D59F-90A7-49A8-AA94-BB6062129F04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447284" y="3761071"/>
              <a:ext cx="763944" cy="993776"/>
            </a:xfrm>
            <a:prstGeom prst="rect">
              <a:avLst/>
            </a:prstGeom>
          </p:spPr>
        </p:pic>
        <p:grpSp>
          <p:nvGrpSpPr>
            <p:cNvPr id="28" name="Group 27"/>
            <p:cNvGrpSpPr/>
            <p:nvPr/>
          </p:nvGrpSpPr>
          <p:grpSpPr>
            <a:xfrm>
              <a:off x="3206713" y="1176360"/>
              <a:ext cx="5538001" cy="5009054"/>
              <a:chOff x="3111833" y="967125"/>
              <a:chExt cx="5883168" cy="5390027"/>
            </a:xfrm>
          </p:grpSpPr>
          <p:pic>
            <p:nvPicPr>
              <p:cNvPr id="13" name="Picture 12"/>
              <p:cNvPicPr>
                <a:picLocks noChangeAspect="1"/>
              </p:cNvPicPr>
              <p:nvPr/>
            </p:nvPicPr>
            <p:blipFill>
              <a:blip r:embed="rId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 flipH="1">
                <a:off x="6318515" y="967125"/>
                <a:ext cx="2676486" cy="2195816"/>
              </a:xfrm>
              <a:prstGeom prst="rect">
                <a:avLst/>
              </a:prstGeom>
            </p:spPr>
          </p:pic>
          <p:pic>
            <p:nvPicPr>
              <p:cNvPr id="17" name="Picture 16"/>
              <p:cNvPicPr>
                <a:picLocks noChangeAspect="1"/>
              </p:cNvPicPr>
              <p:nvPr/>
            </p:nvPicPr>
            <p:blipFill>
              <a:blip r:embed="rId8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3111833" y="4221337"/>
                <a:ext cx="2529051" cy="2135815"/>
              </a:xfrm>
              <a:prstGeom prst="rect">
                <a:avLst/>
              </a:prstGeom>
            </p:spPr>
          </p:pic>
          <p:pic>
            <p:nvPicPr>
              <p:cNvPr id="25" name="Picture 24"/>
              <p:cNvPicPr>
                <a:picLocks noChangeAspect="1"/>
              </p:cNvPicPr>
              <p:nvPr/>
            </p:nvPicPr>
            <p:blipFill>
              <a:blip r:embed="rId9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 rot="170258">
                <a:off x="5640884" y="4147118"/>
                <a:ext cx="935032" cy="1327529"/>
              </a:xfrm>
              <a:prstGeom prst="rect">
                <a:avLst/>
              </a:prstGeom>
            </p:spPr>
          </p:pic>
          <p:pic>
            <p:nvPicPr>
              <p:cNvPr id="5" name="Picture 4"/>
              <p:cNvPicPr>
                <a:picLocks noChangeAspect="1"/>
              </p:cNvPicPr>
              <p:nvPr/>
            </p:nvPicPr>
            <p:blipFill>
              <a:blip r:embed="rId10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5645880" y="4273445"/>
                <a:ext cx="2983407" cy="1938200"/>
              </a:xfrm>
              <a:prstGeom prst="rect">
                <a:avLst/>
              </a:prstGeom>
            </p:spPr>
          </p:pic>
          <p:pic>
            <p:nvPicPr>
              <p:cNvPr id="12" name="Picture 11"/>
              <p:cNvPicPr>
                <a:picLocks noChangeAspect="1"/>
              </p:cNvPicPr>
              <p:nvPr/>
            </p:nvPicPr>
            <p:blipFill>
              <a:blip r:embed="rId11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 flipH="1">
                <a:off x="3730832" y="1384291"/>
                <a:ext cx="2648669" cy="2142979"/>
              </a:xfrm>
              <a:prstGeom prst="rect">
                <a:avLst/>
              </a:prstGeom>
            </p:spPr>
          </p:pic>
        </p:grpSp>
        <p:sp>
          <p:nvSpPr>
            <p:cNvPr id="10" name="TextBox 9"/>
            <p:cNvSpPr txBox="1"/>
            <p:nvPr/>
          </p:nvSpPr>
          <p:spPr>
            <a:xfrm>
              <a:off x="3543338" y="1721739"/>
              <a:ext cx="1763905" cy="40011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>
                  <a:rot lat="19476224" lon="18883146" rev="3432000"/>
                </a:camera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FINANCE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  <p:sp>
          <p:nvSpPr>
            <p:cNvPr id="19" name="TextBox 18"/>
            <p:cNvSpPr txBox="1"/>
            <p:nvPr/>
          </p:nvSpPr>
          <p:spPr>
            <a:xfrm>
              <a:off x="7010861" y="2716568"/>
              <a:ext cx="2261937" cy="40011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>
                  <a:rot lat="19476224" lon="18883146" rev="3432000"/>
                </a:camera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MARKETING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  <p:sp>
          <p:nvSpPr>
            <p:cNvPr id="21" name="TextBox 20"/>
            <p:cNvSpPr txBox="1"/>
            <p:nvPr/>
          </p:nvSpPr>
          <p:spPr>
            <a:xfrm>
              <a:off x="2161396" y="5744514"/>
              <a:ext cx="2153128" cy="632634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BottomDown"/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HUMAN</a:t>
              </a:r>
              <a:br>
                <a:rPr lang="en-GB" sz="2000" b="1" dirty="0">
                  <a:solidFill>
                    <a:srgbClr val="5D5D5D"/>
                  </a:solidFill>
                </a:rPr>
              </a:br>
              <a:r>
                <a:rPr lang="en-GB" sz="2000" b="1" dirty="0">
                  <a:solidFill>
                    <a:srgbClr val="5D5D5D"/>
                  </a:solidFill>
                </a:rPr>
                <a:t>RESOURCES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  <p:sp>
          <p:nvSpPr>
            <p:cNvPr id="27" name="TextBox 26"/>
            <p:cNvSpPr txBox="1"/>
            <p:nvPr/>
          </p:nvSpPr>
          <p:spPr>
            <a:xfrm rot="120000">
              <a:off x="4679742" y="3387565"/>
              <a:ext cx="2462719" cy="112006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TopUp"/>
                <a:lightRig rig="threePt" dir="t"/>
              </a:scene3d>
            </a:bodyPr>
            <a:lstStyle/>
            <a:p>
              <a:pPr algn="ctr"/>
              <a:r>
                <a:rPr lang="en-GB" sz="2400" b="1" dirty="0">
                  <a:solidFill>
                    <a:srgbClr val="002060"/>
                  </a:solidFill>
                </a:rPr>
                <a:t>FUNCTIONAL </a:t>
              </a:r>
              <a:br>
                <a:rPr lang="en-GB" sz="2400" b="1" dirty="0">
                  <a:solidFill>
                    <a:srgbClr val="002060"/>
                  </a:solidFill>
                </a:rPr>
              </a:br>
              <a:r>
                <a:rPr lang="en-GB" sz="2400" b="1" dirty="0">
                  <a:solidFill>
                    <a:srgbClr val="002060"/>
                  </a:solidFill>
                </a:rPr>
                <a:t>ACTIVITIES IN A</a:t>
              </a:r>
              <a:br>
                <a:rPr lang="en-GB" sz="2400" b="1" dirty="0">
                  <a:solidFill>
                    <a:srgbClr val="002060"/>
                  </a:solidFill>
                </a:rPr>
              </a:br>
              <a:r>
                <a:rPr lang="en-GB" sz="2400" b="1" dirty="0">
                  <a:solidFill>
                    <a:srgbClr val="002060"/>
                  </a:solidFill>
                </a:rPr>
                <a:t>SMALL BUSINESS</a:t>
              </a:r>
              <a:endParaRPr lang="en-GB" sz="1400" b="1" dirty="0">
                <a:solidFill>
                  <a:srgbClr val="002060"/>
                </a:solidFill>
              </a:endParaRPr>
            </a:p>
          </p:txBody>
        </p:sp>
        <p:sp>
          <p:nvSpPr>
            <p:cNvPr id="31" name="Rectangle 8">
              <a:hlinkClick r:id="rId12" action="ppaction://hlinksldjump"/>
            </p:cNvPr>
            <p:cNvSpPr/>
            <p:nvPr/>
          </p:nvSpPr>
          <p:spPr>
            <a:xfrm rot="18875719">
              <a:off x="3183321" y="4231406"/>
              <a:ext cx="2397689" cy="1883671"/>
            </a:xfrm>
            <a:custGeom>
              <a:avLst/>
              <a:gdLst>
                <a:gd name="connsiteX0" fmla="*/ 0 w 1196215"/>
                <a:gd name="connsiteY0" fmla="*/ 0 h 1128700"/>
                <a:gd name="connsiteX1" fmla="*/ 1196215 w 1196215"/>
                <a:gd name="connsiteY1" fmla="*/ 0 h 1128700"/>
                <a:gd name="connsiteX2" fmla="*/ 1196215 w 1196215"/>
                <a:gd name="connsiteY2" fmla="*/ 1128700 h 1128700"/>
                <a:gd name="connsiteX3" fmla="*/ 0 w 1196215"/>
                <a:gd name="connsiteY3" fmla="*/ 1128700 h 1128700"/>
                <a:gd name="connsiteX4" fmla="*/ 0 w 1196215"/>
                <a:gd name="connsiteY4" fmla="*/ 0 h 1128700"/>
                <a:gd name="connsiteX0" fmla="*/ 0 w 1484079"/>
                <a:gd name="connsiteY0" fmla="*/ 133632 h 1128700"/>
                <a:gd name="connsiteX1" fmla="*/ 1484079 w 1484079"/>
                <a:gd name="connsiteY1" fmla="*/ 0 h 1128700"/>
                <a:gd name="connsiteX2" fmla="*/ 1484079 w 1484079"/>
                <a:gd name="connsiteY2" fmla="*/ 1128700 h 1128700"/>
                <a:gd name="connsiteX3" fmla="*/ 287864 w 1484079"/>
                <a:gd name="connsiteY3" fmla="*/ 1128700 h 1128700"/>
                <a:gd name="connsiteX4" fmla="*/ 0 w 1484079"/>
                <a:gd name="connsiteY4" fmla="*/ 133632 h 1128700"/>
                <a:gd name="connsiteX0" fmla="*/ 0 w 1484079"/>
                <a:gd name="connsiteY0" fmla="*/ 133632 h 1445215"/>
                <a:gd name="connsiteX1" fmla="*/ 1484079 w 1484079"/>
                <a:gd name="connsiteY1" fmla="*/ 0 h 1445215"/>
                <a:gd name="connsiteX2" fmla="*/ 1246123 w 1484079"/>
                <a:gd name="connsiteY2" fmla="*/ 1445215 h 1445215"/>
                <a:gd name="connsiteX3" fmla="*/ 287864 w 1484079"/>
                <a:gd name="connsiteY3" fmla="*/ 1128700 h 1445215"/>
                <a:gd name="connsiteX4" fmla="*/ 0 w 1484079"/>
                <a:gd name="connsiteY4" fmla="*/ 133632 h 1445215"/>
                <a:gd name="connsiteX0" fmla="*/ 0 w 1484079"/>
                <a:gd name="connsiteY0" fmla="*/ 133632 h 1445215"/>
                <a:gd name="connsiteX1" fmla="*/ 677228 w 1484079"/>
                <a:gd name="connsiteY1" fmla="*/ 61458 h 1445215"/>
                <a:gd name="connsiteX2" fmla="*/ 1484079 w 1484079"/>
                <a:gd name="connsiteY2" fmla="*/ 0 h 1445215"/>
                <a:gd name="connsiteX3" fmla="*/ 1246123 w 1484079"/>
                <a:gd name="connsiteY3" fmla="*/ 1445215 h 1445215"/>
                <a:gd name="connsiteX4" fmla="*/ 287864 w 1484079"/>
                <a:gd name="connsiteY4" fmla="*/ 1128700 h 1445215"/>
                <a:gd name="connsiteX5" fmla="*/ 0 w 1484079"/>
                <a:gd name="connsiteY5" fmla="*/ 133632 h 1445215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246123 w 1484079"/>
                <a:gd name="connsiteY3" fmla="*/ 1768033 h 1768033"/>
                <a:gd name="connsiteX4" fmla="*/ 287864 w 1484079"/>
                <a:gd name="connsiteY4" fmla="*/ 1451518 h 1768033"/>
                <a:gd name="connsiteX5" fmla="*/ 0 w 1484079"/>
                <a:gd name="connsiteY5" fmla="*/ 456450 h 1768033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376847 w 1484079"/>
                <a:gd name="connsiteY3" fmla="*/ 1012001 h 1768033"/>
                <a:gd name="connsiteX4" fmla="*/ 1246123 w 1484079"/>
                <a:gd name="connsiteY4" fmla="*/ 1768033 h 1768033"/>
                <a:gd name="connsiteX5" fmla="*/ 287864 w 1484079"/>
                <a:gd name="connsiteY5" fmla="*/ 1451518 h 1768033"/>
                <a:gd name="connsiteX6" fmla="*/ 0 w 1484079"/>
                <a:gd name="connsiteY6" fmla="*/ 456450 h 1768033"/>
                <a:gd name="connsiteX0" fmla="*/ 0 w 1714032"/>
                <a:gd name="connsiteY0" fmla="*/ 456450 h 1768033"/>
                <a:gd name="connsiteX1" fmla="*/ 483288 w 1714032"/>
                <a:gd name="connsiteY1" fmla="*/ 0 h 1768033"/>
                <a:gd name="connsiteX2" fmla="*/ 1484079 w 1714032"/>
                <a:gd name="connsiteY2" fmla="*/ 322818 h 1768033"/>
                <a:gd name="connsiteX3" fmla="*/ 1714032 w 1714032"/>
                <a:gd name="connsiteY3" fmla="*/ 1353107 h 1768033"/>
                <a:gd name="connsiteX4" fmla="*/ 1246123 w 1714032"/>
                <a:gd name="connsiteY4" fmla="*/ 1768033 h 1768033"/>
                <a:gd name="connsiteX5" fmla="*/ 287864 w 1714032"/>
                <a:gd name="connsiteY5" fmla="*/ 1451518 h 1768033"/>
                <a:gd name="connsiteX6" fmla="*/ 0 w 1714032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1484079 w 2390493"/>
                <a:gd name="connsiteY2" fmla="*/ 322818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2117239 w 2390493"/>
                <a:gd name="connsiteY2" fmla="*/ 522639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87864 w 2390493"/>
                <a:gd name="connsiteY5" fmla="*/ 145151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346012 w 2390493"/>
                <a:gd name="connsiteY5" fmla="*/ 135065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51889 w 2390493"/>
                <a:gd name="connsiteY5" fmla="*/ 1332148 h 1883671"/>
                <a:gd name="connsiteX6" fmla="*/ 0 w 2390493"/>
                <a:gd name="connsiteY6" fmla="*/ 456450 h 1883671"/>
                <a:gd name="connsiteX0" fmla="*/ 0 w 2256731"/>
                <a:gd name="connsiteY0" fmla="*/ 468223 h 1883671"/>
                <a:gd name="connsiteX1" fmla="*/ 349526 w 2256731"/>
                <a:gd name="connsiteY1" fmla="*/ 0 h 1883671"/>
                <a:gd name="connsiteX2" fmla="*/ 1983477 w 2256731"/>
                <a:gd name="connsiteY2" fmla="*/ 522639 h 1883671"/>
                <a:gd name="connsiteX3" fmla="*/ 2256731 w 2256731"/>
                <a:gd name="connsiteY3" fmla="*/ 1420082 h 1883671"/>
                <a:gd name="connsiteX4" fmla="*/ 1834739 w 2256731"/>
                <a:gd name="connsiteY4" fmla="*/ 1883671 h 1883671"/>
                <a:gd name="connsiteX5" fmla="*/ 118127 w 2256731"/>
                <a:gd name="connsiteY5" fmla="*/ 1332148 h 1883671"/>
                <a:gd name="connsiteX6" fmla="*/ 0 w 2256731"/>
                <a:gd name="connsiteY6" fmla="*/ 468223 h 1883671"/>
                <a:gd name="connsiteX0" fmla="*/ 0 w 2382383"/>
                <a:gd name="connsiteY0" fmla="*/ 448796 h 1883671"/>
                <a:gd name="connsiteX1" fmla="*/ 475178 w 2382383"/>
                <a:gd name="connsiteY1" fmla="*/ 0 h 1883671"/>
                <a:gd name="connsiteX2" fmla="*/ 2109129 w 2382383"/>
                <a:gd name="connsiteY2" fmla="*/ 522639 h 1883671"/>
                <a:gd name="connsiteX3" fmla="*/ 2382383 w 2382383"/>
                <a:gd name="connsiteY3" fmla="*/ 1420082 h 1883671"/>
                <a:gd name="connsiteX4" fmla="*/ 1960391 w 2382383"/>
                <a:gd name="connsiteY4" fmla="*/ 1883671 h 1883671"/>
                <a:gd name="connsiteX5" fmla="*/ 243779 w 2382383"/>
                <a:gd name="connsiteY5" fmla="*/ 1332148 h 1883671"/>
                <a:gd name="connsiteX6" fmla="*/ 0 w 2382383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09129 w 2397689"/>
                <a:gd name="connsiteY2" fmla="*/ 522639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17240 w 2397689"/>
                <a:gd name="connsiteY2" fmla="*/ 514985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2397689" h="1883671">
                  <a:moveTo>
                    <a:pt x="0" y="448796"/>
                  </a:moveTo>
                  <a:lnTo>
                    <a:pt x="475178" y="0"/>
                  </a:lnTo>
                  <a:lnTo>
                    <a:pt x="2117240" y="514985"/>
                  </a:lnTo>
                  <a:lnTo>
                    <a:pt x="2397689" y="1436303"/>
                  </a:lnTo>
                  <a:lnTo>
                    <a:pt x="1960391" y="1883671"/>
                  </a:lnTo>
                  <a:lnTo>
                    <a:pt x="243779" y="1332148"/>
                  </a:lnTo>
                  <a:lnTo>
                    <a:pt x="0" y="448796"/>
                  </a:lnTo>
                  <a:close/>
                </a:path>
              </a:pathLst>
            </a:cu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Rectangle 8">
              <a:hlinkClick r:id="rId13" action="ppaction://hlinksldjump"/>
            </p:cNvPr>
            <p:cNvSpPr/>
            <p:nvPr/>
          </p:nvSpPr>
          <p:spPr>
            <a:xfrm rot="18800197">
              <a:off x="3792835" y="1590798"/>
              <a:ext cx="2459827" cy="1938156"/>
            </a:xfrm>
            <a:custGeom>
              <a:avLst/>
              <a:gdLst>
                <a:gd name="connsiteX0" fmla="*/ 0 w 1196215"/>
                <a:gd name="connsiteY0" fmla="*/ 0 h 1128700"/>
                <a:gd name="connsiteX1" fmla="*/ 1196215 w 1196215"/>
                <a:gd name="connsiteY1" fmla="*/ 0 h 1128700"/>
                <a:gd name="connsiteX2" fmla="*/ 1196215 w 1196215"/>
                <a:gd name="connsiteY2" fmla="*/ 1128700 h 1128700"/>
                <a:gd name="connsiteX3" fmla="*/ 0 w 1196215"/>
                <a:gd name="connsiteY3" fmla="*/ 1128700 h 1128700"/>
                <a:gd name="connsiteX4" fmla="*/ 0 w 1196215"/>
                <a:gd name="connsiteY4" fmla="*/ 0 h 1128700"/>
                <a:gd name="connsiteX0" fmla="*/ 0 w 1484079"/>
                <a:gd name="connsiteY0" fmla="*/ 133632 h 1128700"/>
                <a:gd name="connsiteX1" fmla="*/ 1484079 w 1484079"/>
                <a:gd name="connsiteY1" fmla="*/ 0 h 1128700"/>
                <a:gd name="connsiteX2" fmla="*/ 1484079 w 1484079"/>
                <a:gd name="connsiteY2" fmla="*/ 1128700 h 1128700"/>
                <a:gd name="connsiteX3" fmla="*/ 287864 w 1484079"/>
                <a:gd name="connsiteY3" fmla="*/ 1128700 h 1128700"/>
                <a:gd name="connsiteX4" fmla="*/ 0 w 1484079"/>
                <a:gd name="connsiteY4" fmla="*/ 133632 h 1128700"/>
                <a:gd name="connsiteX0" fmla="*/ 0 w 1484079"/>
                <a:gd name="connsiteY0" fmla="*/ 133632 h 1445215"/>
                <a:gd name="connsiteX1" fmla="*/ 1484079 w 1484079"/>
                <a:gd name="connsiteY1" fmla="*/ 0 h 1445215"/>
                <a:gd name="connsiteX2" fmla="*/ 1246123 w 1484079"/>
                <a:gd name="connsiteY2" fmla="*/ 1445215 h 1445215"/>
                <a:gd name="connsiteX3" fmla="*/ 287864 w 1484079"/>
                <a:gd name="connsiteY3" fmla="*/ 1128700 h 1445215"/>
                <a:gd name="connsiteX4" fmla="*/ 0 w 1484079"/>
                <a:gd name="connsiteY4" fmla="*/ 133632 h 1445215"/>
                <a:gd name="connsiteX0" fmla="*/ 0 w 1484079"/>
                <a:gd name="connsiteY0" fmla="*/ 133632 h 1445215"/>
                <a:gd name="connsiteX1" fmla="*/ 677228 w 1484079"/>
                <a:gd name="connsiteY1" fmla="*/ 61458 h 1445215"/>
                <a:gd name="connsiteX2" fmla="*/ 1484079 w 1484079"/>
                <a:gd name="connsiteY2" fmla="*/ 0 h 1445215"/>
                <a:gd name="connsiteX3" fmla="*/ 1246123 w 1484079"/>
                <a:gd name="connsiteY3" fmla="*/ 1445215 h 1445215"/>
                <a:gd name="connsiteX4" fmla="*/ 287864 w 1484079"/>
                <a:gd name="connsiteY4" fmla="*/ 1128700 h 1445215"/>
                <a:gd name="connsiteX5" fmla="*/ 0 w 1484079"/>
                <a:gd name="connsiteY5" fmla="*/ 133632 h 1445215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246123 w 1484079"/>
                <a:gd name="connsiteY3" fmla="*/ 1768033 h 1768033"/>
                <a:gd name="connsiteX4" fmla="*/ 287864 w 1484079"/>
                <a:gd name="connsiteY4" fmla="*/ 1451518 h 1768033"/>
                <a:gd name="connsiteX5" fmla="*/ 0 w 1484079"/>
                <a:gd name="connsiteY5" fmla="*/ 456450 h 1768033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376847 w 1484079"/>
                <a:gd name="connsiteY3" fmla="*/ 1012001 h 1768033"/>
                <a:gd name="connsiteX4" fmla="*/ 1246123 w 1484079"/>
                <a:gd name="connsiteY4" fmla="*/ 1768033 h 1768033"/>
                <a:gd name="connsiteX5" fmla="*/ 287864 w 1484079"/>
                <a:gd name="connsiteY5" fmla="*/ 1451518 h 1768033"/>
                <a:gd name="connsiteX6" fmla="*/ 0 w 1484079"/>
                <a:gd name="connsiteY6" fmla="*/ 456450 h 1768033"/>
                <a:gd name="connsiteX0" fmla="*/ 0 w 1714032"/>
                <a:gd name="connsiteY0" fmla="*/ 456450 h 1768033"/>
                <a:gd name="connsiteX1" fmla="*/ 483288 w 1714032"/>
                <a:gd name="connsiteY1" fmla="*/ 0 h 1768033"/>
                <a:gd name="connsiteX2" fmla="*/ 1484079 w 1714032"/>
                <a:gd name="connsiteY2" fmla="*/ 322818 h 1768033"/>
                <a:gd name="connsiteX3" fmla="*/ 1714032 w 1714032"/>
                <a:gd name="connsiteY3" fmla="*/ 1353107 h 1768033"/>
                <a:gd name="connsiteX4" fmla="*/ 1246123 w 1714032"/>
                <a:gd name="connsiteY4" fmla="*/ 1768033 h 1768033"/>
                <a:gd name="connsiteX5" fmla="*/ 287864 w 1714032"/>
                <a:gd name="connsiteY5" fmla="*/ 1451518 h 1768033"/>
                <a:gd name="connsiteX6" fmla="*/ 0 w 1714032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1484079 w 2390493"/>
                <a:gd name="connsiteY2" fmla="*/ 322818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2117239 w 2390493"/>
                <a:gd name="connsiteY2" fmla="*/ 522639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87864 w 2390493"/>
                <a:gd name="connsiteY5" fmla="*/ 145151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346012 w 2390493"/>
                <a:gd name="connsiteY5" fmla="*/ 135065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51889 w 2390493"/>
                <a:gd name="connsiteY5" fmla="*/ 1332148 h 1883671"/>
                <a:gd name="connsiteX6" fmla="*/ 0 w 2390493"/>
                <a:gd name="connsiteY6" fmla="*/ 456450 h 1883671"/>
                <a:gd name="connsiteX0" fmla="*/ 0 w 2256731"/>
                <a:gd name="connsiteY0" fmla="*/ 468223 h 1883671"/>
                <a:gd name="connsiteX1" fmla="*/ 349526 w 2256731"/>
                <a:gd name="connsiteY1" fmla="*/ 0 h 1883671"/>
                <a:gd name="connsiteX2" fmla="*/ 1983477 w 2256731"/>
                <a:gd name="connsiteY2" fmla="*/ 522639 h 1883671"/>
                <a:gd name="connsiteX3" fmla="*/ 2256731 w 2256731"/>
                <a:gd name="connsiteY3" fmla="*/ 1420082 h 1883671"/>
                <a:gd name="connsiteX4" fmla="*/ 1834739 w 2256731"/>
                <a:gd name="connsiteY4" fmla="*/ 1883671 h 1883671"/>
                <a:gd name="connsiteX5" fmla="*/ 118127 w 2256731"/>
                <a:gd name="connsiteY5" fmla="*/ 1332148 h 1883671"/>
                <a:gd name="connsiteX6" fmla="*/ 0 w 2256731"/>
                <a:gd name="connsiteY6" fmla="*/ 468223 h 1883671"/>
                <a:gd name="connsiteX0" fmla="*/ 0 w 2382383"/>
                <a:gd name="connsiteY0" fmla="*/ 448796 h 1883671"/>
                <a:gd name="connsiteX1" fmla="*/ 475178 w 2382383"/>
                <a:gd name="connsiteY1" fmla="*/ 0 h 1883671"/>
                <a:gd name="connsiteX2" fmla="*/ 2109129 w 2382383"/>
                <a:gd name="connsiteY2" fmla="*/ 522639 h 1883671"/>
                <a:gd name="connsiteX3" fmla="*/ 2382383 w 2382383"/>
                <a:gd name="connsiteY3" fmla="*/ 1420082 h 1883671"/>
                <a:gd name="connsiteX4" fmla="*/ 1960391 w 2382383"/>
                <a:gd name="connsiteY4" fmla="*/ 1883671 h 1883671"/>
                <a:gd name="connsiteX5" fmla="*/ 243779 w 2382383"/>
                <a:gd name="connsiteY5" fmla="*/ 1332148 h 1883671"/>
                <a:gd name="connsiteX6" fmla="*/ 0 w 2382383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09129 w 2397689"/>
                <a:gd name="connsiteY2" fmla="*/ 522639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17240 w 2397689"/>
                <a:gd name="connsiteY2" fmla="*/ 514985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226211 w 2397689"/>
                <a:gd name="connsiteY2" fmla="*/ 565479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459827"/>
                <a:gd name="connsiteY0" fmla="*/ 448796 h 1883671"/>
                <a:gd name="connsiteX1" fmla="*/ 475178 w 2459827"/>
                <a:gd name="connsiteY1" fmla="*/ 0 h 1883671"/>
                <a:gd name="connsiteX2" fmla="*/ 2226211 w 2459827"/>
                <a:gd name="connsiteY2" fmla="*/ 565479 h 1883671"/>
                <a:gd name="connsiteX3" fmla="*/ 2459827 w 2459827"/>
                <a:gd name="connsiteY3" fmla="*/ 1469660 h 1883671"/>
                <a:gd name="connsiteX4" fmla="*/ 1960391 w 2459827"/>
                <a:gd name="connsiteY4" fmla="*/ 1883671 h 1883671"/>
                <a:gd name="connsiteX5" fmla="*/ 243779 w 2459827"/>
                <a:gd name="connsiteY5" fmla="*/ 1332148 h 1883671"/>
                <a:gd name="connsiteX6" fmla="*/ 0 w 2459827"/>
                <a:gd name="connsiteY6" fmla="*/ 448796 h 1883671"/>
                <a:gd name="connsiteX0" fmla="*/ 0 w 2459827"/>
                <a:gd name="connsiteY0" fmla="*/ 448796 h 1938156"/>
                <a:gd name="connsiteX1" fmla="*/ 475178 w 2459827"/>
                <a:gd name="connsiteY1" fmla="*/ 0 h 1938156"/>
                <a:gd name="connsiteX2" fmla="*/ 2226211 w 2459827"/>
                <a:gd name="connsiteY2" fmla="*/ 565479 h 1938156"/>
                <a:gd name="connsiteX3" fmla="*/ 2459827 w 2459827"/>
                <a:gd name="connsiteY3" fmla="*/ 1469660 h 1938156"/>
                <a:gd name="connsiteX4" fmla="*/ 1935143 w 2459827"/>
                <a:gd name="connsiteY4" fmla="*/ 1938156 h 1938156"/>
                <a:gd name="connsiteX5" fmla="*/ 243779 w 2459827"/>
                <a:gd name="connsiteY5" fmla="*/ 1332148 h 1938156"/>
                <a:gd name="connsiteX6" fmla="*/ 0 w 2459827"/>
                <a:gd name="connsiteY6" fmla="*/ 448796 h 1938156"/>
                <a:gd name="connsiteX0" fmla="*/ 0 w 2459827"/>
                <a:gd name="connsiteY0" fmla="*/ 448796 h 1938156"/>
                <a:gd name="connsiteX1" fmla="*/ 475178 w 2459827"/>
                <a:gd name="connsiteY1" fmla="*/ 0 h 1938156"/>
                <a:gd name="connsiteX2" fmla="*/ 2226211 w 2459827"/>
                <a:gd name="connsiteY2" fmla="*/ 565479 h 1938156"/>
                <a:gd name="connsiteX3" fmla="*/ 2459827 w 2459827"/>
                <a:gd name="connsiteY3" fmla="*/ 1469660 h 1938156"/>
                <a:gd name="connsiteX4" fmla="*/ 1935143 w 2459827"/>
                <a:gd name="connsiteY4" fmla="*/ 1938156 h 1938156"/>
                <a:gd name="connsiteX5" fmla="*/ 266738 w 2459827"/>
                <a:gd name="connsiteY5" fmla="*/ 1356480 h 1938156"/>
                <a:gd name="connsiteX6" fmla="*/ 0 w 2459827"/>
                <a:gd name="connsiteY6" fmla="*/ 448796 h 193815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2459827" h="1938156">
                  <a:moveTo>
                    <a:pt x="0" y="448796"/>
                  </a:moveTo>
                  <a:lnTo>
                    <a:pt x="475178" y="0"/>
                  </a:lnTo>
                  <a:lnTo>
                    <a:pt x="2226211" y="565479"/>
                  </a:lnTo>
                  <a:lnTo>
                    <a:pt x="2459827" y="1469660"/>
                  </a:lnTo>
                  <a:lnTo>
                    <a:pt x="1935143" y="1938156"/>
                  </a:lnTo>
                  <a:lnTo>
                    <a:pt x="266738" y="1356480"/>
                  </a:lnTo>
                  <a:lnTo>
                    <a:pt x="0" y="448796"/>
                  </a:lnTo>
                  <a:close/>
                </a:path>
              </a:pathLst>
            </a:cu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5" name="Rectangle 8">
              <a:hlinkClick r:id="rId14" action="ppaction://hlinksldjump"/>
            </p:cNvPr>
            <p:cNvSpPr/>
            <p:nvPr/>
          </p:nvSpPr>
          <p:spPr>
            <a:xfrm rot="18800197">
              <a:off x="6289834" y="1180412"/>
              <a:ext cx="2450342" cy="2033194"/>
            </a:xfrm>
            <a:custGeom>
              <a:avLst/>
              <a:gdLst>
                <a:gd name="connsiteX0" fmla="*/ 0 w 1196215"/>
                <a:gd name="connsiteY0" fmla="*/ 0 h 1128700"/>
                <a:gd name="connsiteX1" fmla="*/ 1196215 w 1196215"/>
                <a:gd name="connsiteY1" fmla="*/ 0 h 1128700"/>
                <a:gd name="connsiteX2" fmla="*/ 1196215 w 1196215"/>
                <a:gd name="connsiteY2" fmla="*/ 1128700 h 1128700"/>
                <a:gd name="connsiteX3" fmla="*/ 0 w 1196215"/>
                <a:gd name="connsiteY3" fmla="*/ 1128700 h 1128700"/>
                <a:gd name="connsiteX4" fmla="*/ 0 w 1196215"/>
                <a:gd name="connsiteY4" fmla="*/ 0 h 1128700"/>
                <a:gd name="connsiteX0" fmla="*/ 0 w 1484079"/>
                <a:gd name="connsiteY0" fmla="*/ 133632 h 1128700"/>
                <a:gd name="connsiteX1" fmla="*/ 1484079 w 1484079"/>
                <a:gd name="connsiteY1" fmla="*/ 0 h 1128700"/>
                <a:gd name="connsiteX2" fmla="*/ 1484079 w 1484079"/>
                <a:gd name="connsiteY2" fmla="*/ 1128700 h 1128700"/>
                <a:gd name="connsiteX3" fmla="*/ 287864 w 1484079"/>
                <a:gd name="connsiteY3" fmla="*/ 1128700 h 1128700"/>
                <a:gd name="connsiteX4" fmla="*/ 0 w 1484079"/>
                <a:gd name="connsiteY4" fmla="*/ 133632 h 1128700"/>
                <a:gd name="connsiteX0" fmla="*/ 0 w 1484079"/>
                <a:gd name="connsiteY0" fmla="*/ 133632 h 1445215"/>
                <a:gd name="connsiteX1" fmla="*/ 1484079 w 1484079"/>
                <a:gd name="connsiteY1" fmla="*/ 0 h 1445215"/>
                <a:gd name="connsiteX2" fmla="*/ 1246123 w 1484079"/>
                <a:gd name="connsiteY2" fmla="*/ 1445215 h 1445215"/>
                <a:gd name="connsiteX3" fmla="*/ 287864 w 1484079"/>
                <a:gd name="connsiteY3" fmla="*/ 1128700 h 1445215"/>
                <a:gd name="connsiteX4" fmla="*/ 0 w 1484079"/>
                <a:gd name="connsiteY4" fmla="*/ 133632 h 1445215"/>
                <a:gd name="connsiteX0" fmla="*/ 0 w 1484079"/>
                <a:gd name="connsiteY0" fmla="*/ 133632 h 1445215"/>
                <a:gd name="connsiteX1" fmla="*/ 677228 w 1484079"/>
                <a:gd name="connsiteY1" fmla="*/ 61458 h 1445215"/>
                <a:gd name="connsiteX2" fmla="*/ 1484079 w 1484079"/>
                <a:gd name="connsiteY2" fmla="*/ 0 h 1445215"/>
                <a:gd name="connsiteX3" fmla="*/ 1246123 w 1484079"/>
                <a:gd name="connsiteY3" fmla="*/ 1445215 h 1445215"/>
                <a:gd name="connsiteX4" fmla="*/ 287864 w 1484079"/>
                <a:gd name="connsiteY4" fmla="*/ 1128700 h 1445215"/>
                <a:gd name="connsiteX5" fmla="*/ 0 w 1484079"/>
                <a:gd name="connsiteY5" fmla="*/ 133632 h 1445215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246123 w 1484079"/>
                <a:gd name="connsiteY3" fmla="*/ 1768033 h 1768033"/>
                <a:gd name="connsiteX4" fmla="*/ 287864 w 1484079"/>
                <a:gd name="connsiteY4" fmla="*/ 1451518 h 1768033"/>
                <a:gd name="connsiteX5" fmla="*/ 0 w 1484079"/>
                <a:gd name="connsiteY5" fmla="*/ 456450 h 1768033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376847 w 1484079"/>
                <a:gd name="connsiteY3" fmla="*/ 1012001 h 1768033"/>
                <a:gd name="connsiteX4" fmla="*/ 1246123 w 1484079"/>
                <a:gd name="connsiteY4" fmla="*/ 1768033 h 1768033"/>
                <a:gd name="connsiteX5" fmla="*/ 287864 w 1484079"/>
                <a:gd name="connsiteY5" fmla="*/ 1451518 h 1768033"/>
                <a:gd name="connsiteX6" fmla="*/ 0 w 1484079"/>
                <a:gd name="connsiteY6" fmla="*/ 456450 h 1768033"/>
                <a:gd name="connsiteX0" fmla="*/ 0 w 1714032"/>
                <a:gd name="connsiteY0" fmla="*/ 456450 h 1768033"/>
                <a:gd name="connsiteX1" fmla="*/ 483288 w 1714032"/>
                <a:gd name="connsiteY1" fmla="*/ 0 h 1768033"/>
                <a:gd name="connsiteX2" fmla="*/ 1484079 w 1714032"/>
                <a:gd name="connsiteY2" fmla="*/ 322818 h 1768033"/>
                <a:gd name="connsiteX3" fmla="*/ 1714032 w 1714032"/>
                <a:gd name="connsiteY3" fmla="*/ 1353107 h 1768033"/>
                <a:gd name="connsiteX4" fmla="*/ 1246123 w 1714032"/>
                <a:gd name="connsiteY4" fmla="*/ 1768033 h 1768033"/>
                <a:gd name="connsiteX5" fmla="*/ 287864 w 1714032"/>
                <a:gd name="connsiteY5" fmla="*/ 1451518 h 1768033"/>
                <a:gd name="connsiteX6" fmla="*/ 0 w 1714032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1484079 w 2390493"/>
                <a:gd name="connsiteY2" fmla="*/ 322818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2117239 w 2390493"/>
                <a:gd name="connsiteY2" fmla="*/ 522639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87864 w 2390493"/>
                <a:gd name="connsiteY5" fmla="*/ 145151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346012 w 2390493"/>
                <a:gd name="connsiteY5" fmla="*/ 135065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51889 w 2390493"/>
                <a:gd name="connsiteY5" fmla="*/ 1332148 h 1883671"/>
                <a:gd name="connsiteX6" fmla="*/ 0 w 2390493"/>
                <a:gd name="connsiteY6" fmla="*/ 456450 h 1883671"/>
                <a:gd name="connsiteX0" fmla="*/ 0 w 2256731"/>
                <a:gd name="connsiteY0" fmla="*/ 468223 h 1883671"/>
                <a:gd name="connsiteX1" fmla="*/ 349526 w 2256731"/>
                <a:gd name="connsiteY1" fmla="*/ 0 h 1883671"/>
                <a:gd name="connsiteX2" fmla="*/ 1983477 w 2256731"/>
                <a:gd name="connsiteY2" fmla="*/ 522639 h 1883671"/>
                <a:gd name="connsiteX3" fmla="*/ 2256731 w 2256731"/>
                <a:gd name="connsiteY3" fmla="*/ 1420082 h 1883671"/>
                <a:gd name="connsiteX4" fmla="*/ 1834739 w 2256731"/>
                <a:gd name="connsiteY4" fmla="*/ 1883671 h 1883671"/>
                <a:gd name="connsiteX5" fmla="*/ 118127 w 2256731"/>
                <a:gd name="connsiteY5" fmla="*/ 1332148 h 1883671"/>
                <a:gd name="connsiteX6" fmla="*/ 0 w 2256731"/>
                <a:gd name="connsiteY6" fmla="*/ 468223 h 1883671"/>
                <a:gd name="connsiteX0" fmla="*/ 0 w 2382383"/>
                <a:gd name="connsiteY0" fmla="*/ 448796 h 1883671"/>
                <a:gd name="connsiteX1" fmla="*/ 475178 w 2382383"/>
                <a:gd name="connsiteY1" fmla="*/ 0 h 1883671"/>
                <a:gd name="connsiteX2" fmla="*/ 2109129 w 2382383"/>
                <a:gd name="connsiteY2" fmla="*/ 522639 h 1883671"/>
                <a:gd name="connsiteX3" fmla="*/ 2382383 w 2382383"/>
                <a:gd name="connsiteY3" fmla="*/ 1420082 h 1883671"/>
                <a:gd name="connsiteX4" fmla="*/ 1960391 w 2382383"/>
                <a:gd name="connsiteY4" fmla="*/ 1883671 h 1883671"/>
                <a:gd name="connsiteX5" fmla="*/ 243779 w 2382383"/>
                <a:gd name="connsiteY5" fmla="*/ 1332148 h 1883671"/>
                <a:gd name="connsiteX6" fmla="*/ 0 w 2382383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09129 w 2397689"/>
                <a:gd name="connsiteY2" fmla="*/ 522639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17240 w 2397689"/>
                <a:gd name="connsiteY2" fmla="*/ 514985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2033194"/>
                <a:gd name="connsiteX1" fmla="*/ 475178 w 2397689"/>
                <a:gd name="connsiteY1" fmla="*/ 0 h 2033194"/>
                <a:gd name="connsiteX2" fmla="*/ 2117240 w 2397689"/>
                <a:gd name="connsiteY2" fmla="*/ 514985 h 2033194"/>
                <a:gd name="connsiteX3" fmla="*/ 2397689 w 2397689"/>
                <a:gd name="connsiteY3" fmla="*/ 1436303 h 2033194"/>
                <a:gd name="connsiteX4" fmla="*/ 1948160 w 2397689"/>
                <a:gd name="connsiteY4" fmla="*/ 2033194 h 2033194"/>
                <a:gd name="connsiteX5" fmla="*/ 243779 w 2397689"/>
                <a:gd name="connsiteY5" fmla="*/ 1332148 h 2033194"/>
                <a:gd name="connsiteX6" fmla="*/ 0 w 2397689"/>
                <a:gd name="connsiteY6" fmla="*/ 448796 h 2033194"/>
                <a:gd name="connsiteX0" fmla="*/ 0 w 2426012"/>
                <a:gd name="connsiteY0" fmla="*/ 448796 h 2033194"/>
                <a:gd name="connsiteX1" fmla="*/ 475178 w 2426012"/>
                <a:gd name="connsiteY1" fmla="*/ 0 h 2033194"/>
                <a:gd name="connsiteX2" fmla="*/ 2117240 w 2426012"/>
                <a:gd name="connsiteY2" fmla="*/ 514985 h 2033194"/>
                <a:gd name="connsiteX3" fmla="*/ 2426012 w 2426012"/>
                <a:gd name="connsiteY3" fmla="*/ 1547564 h 2033194"/>
                <a:gd name="connsiteX4" fmla="*/ 1948160 w 2426012"/>
                <a:gd name="connsiteY4" fmla="*/ 2033194 h 2033194"/>
                <a:gd name="connsiteX5" fmla="*/ 243779 w 2426012"/>
                <a:gd name="connsiteY5" fmla="*/ 1332148 h 2033194"/>
                <a:gd name="connsiteX6" fmla="*/ 0 w 2426012"/>
                <a:gd name="connsiteY6" fmla="*/ 448796 h 2033194"/>
                <a:gd name="connsiteX0" fmla="*/ 0 w 2426012"/>
                <a:gd name="connsiteY0" fmla="*/ 448796 h 2033194"/>
                <a:gd name="connsiteX1" fmla="*/ 475178 w 2426012"/>
                <a:gd name="connsiteY1" fmla="*/ 0 h 2033194"/>
                <a:gd name="connsiteX2" fmla="*/ 2117240 w 2426012"/>
                <a:gd name="connsiteY2" fmla="*/ 514985 h 2033194"/>
                <a:gd name="connsiteX3" fmla="*/ 2426012 w 2426012"/>
                <a:gd name="connsiteY3" fmla="*/ 1547564 h 2033194"/>
                <a:gd name="connsiteX4" fmla="*/ 1948160 w 2426012"/>
                <a:gd name="connsiteY4" fmla="*/ 2033194 h 2033194"/>
                <a:gd name="connsiteX5" fmla="*/ 232006 w 2426012"/>
                <a:gd name="connsiteY5" fmla="*/ 1465909 h 2033194"/>
                <a:gd name="connsiteX6" fmla="*/ 0 w 2426012"/>
                <a:gd name="connsiteY6" fmla="*/ 448796 h 2033194"/>
                <a:gd name="connsiteX0" fmla="*/ 0 w 2474675"/>
                <a:gd name="connsiteY0" fmla="*/ 494714 h 2033194"/>
                <a:gd name="connsiteX1" fmla="*/ 523841 w 2474675"/>
                <a:gd name="connsiteY1" fmla="*/ 0 h 2033194"/>
                <a:gd name="connsiteX2" fmla="*/ 2165903 w 2474675"/>
                <a:gd name="connsiteY2" fmla="*/ 514985 h 2033194"/>
                <a:gd name="connsiteX3" fmla="*/ 2474675 w 2474675"/>
                <a:gd name="connsiteY3" fmla="*/ 1547564 h 2033194"/>
                <a:gd name="connsiteX4" fmla="*/ 1996823 w 2474675"/>
                <a:gd name="connsiteY4" fmla="*/ 2033194 h 2033194"/>
                <a:gd name="connsiteX5" fmla="*/ 280669 w 2474675"/>
                <a:gd name="connsiteY5" fmla="*/ 1465909 h 2033194"/>
                <a:gd name="connsiteX6" fmla="*/ 0 w 2474675"/>
                <a:gd name="connsiteY6" fmla="*/ 494714 h 2033194"/>
                <a:gd name="connsiteX0" fmla="*/ 0 w 2474675"/>
                <a:gd name="connsiteY0" fmla="*/ 494714 h 2033194"/>
                <a:gd name="connsiteX1" fmla="*/ 523841 w 2474675"/>
                <a:gd name="connsiteY1" fmla="*/ 0 h 2033194"/>
                <a:gd name="connsiteX2" fmla="*/ 2165903 w 2474675"/>
                <a:gd name="connsiteY2" fmla="*/ 514985 h 2033194"/>
                <a:gd name="connsiteX3" fmla="*/ 2474675 w 2474675"/>
                <a:gd name="connsiteY3" fmla="*/ 1547564 h 2033194"/>
                <a:gd name="connsiteX4" fmla="*/ 1996823 w 2474675"/>
                <a:gd name="connsiteY4" fmla="*/ 2033194 h 2033194"/>
                <a:gd name="connsiteX5" fmla="*/ 320765 w 2474675"/>
                <a:gd name="connsiteY5" fmla="*/ 1443408 h 2033194"/>
                <a:gd name="connsiteX6" fmla="*/ 0 w 2474675"/>
                <a:gd name="connsiteY6" fmla="*/ 494714 h 2033194"/>
                <a:gd name="connsiteX0" fmla="*/ 0 w 2474675"/>
                <a:gd name="connsiteY0" fmla="*/ 494714 h 2033194"/>
                <a:gd name="connsiteX1" fmla="*/ 523841 w 2474675"/>
                <a:gd name="connsiteY1" fmla="*/ 0 h 2033194"/>
                <a:gd name="connsiteX2" fmla="*/ 2165903 w 2474675"/>
                <a:gd name="connsiteY2" fmla="*/ 514985 h 2033194"/>
                <a:gd name="connsiteX3" fmla="*/ 2474675 w 2474675"/>
                <a:gd name="connsiteY3" fmla="*/ 1547564 h 2033194"/>
                <a:gd name="connsiteX4" fmla="*/ 1996823 w 2474675"/>
                <a:gd name="connsiteY4" fmla="*/ 2033194 h 2033194"/>
                <a:gd name="connsiteX5" fmla="*/ 265364 w 2474675"/>
                <a:gd name="connsiteY5" fmla="*/ 1449687 h 2033194"/>
                <a:gd name="connsiteX6" fmla="*/ 0 w 2474675"/>
                <a:gd name="connsiteY6" fmla="*/ 494714 h 2033194"/>
                <a:gd name="connsiteX0" fmla="*/ 0 w 2442232"/>
                <a:gd name="connsiteY0" fmla="*/ 464103 h 2033194"/>
                <a:gd name="connsiteX1" fmla="*/ 491398 w 2442232"/>
                <a:gd name="connsiteY1" fmla="*/ 0 h 2033194"/>
                <a:gd name="connsiteX2" fmla="*/ 2133460 w 2442232"/>
                <a:gd name="connsiteY2" fmla="*/ 514985 h 2033194"/>
                <a:gd name="connsiteX3" fmla="*/ 2442232 w 2442232"/>
                <a:gd name="connsiteY3" fmla="*/ 1547564 h 2033194"/>
                <a:gd name="connsiteX4" fmla="*/ 1964380 w 2442232"/>
                <a:gd name="connsiteY4" fmla="*/ 2033194 h 2033194"/>
                <a:gd name="connsiteX5" fmla="*/ 232921 w 2442232"/>
                <a:gd name="connsiteY5" fmla="*/ 1449687 h 2033194"/>
                <a:gd name="connsiteX6" fmla="*/ 0 w 2442232"/>
                <a:gd name="connsiteY6" fmla="*/ 464103 h 2033194"/>
                <a:gd name="connsiteX0" fmla="*/ 0 w 2450342"/>
                <a:gd name="connsiteY0" fmla="*/ 471756 h 2033194"/>
                <a:gd name="connsiteX1" fmla="*/ 499508 w 2450342"/>
                <a:gd name="connsiteY1" fmla="*/ 0 h 2033194"/>
                <a:gd name="connsiteX2" fmla="*/ 2141570 w 2450342"/>
                <a:gd name="connsiteY2" fmla="*/ 514985 h 2033194"/>
                <a:gd name="connsiteX3" fmla="*/ 2450342 w 2450342"/>
                <a:gd name="connsiteY3" fmla="*/ 1547564 h 2033194"/>
                <a:gd name="connsiteX4" fmla="*/ 1972490 w 2450342"/>
                <a:gd name="connsiteY4" fmla="*/ 2033194 h 2033194"/>
                <a:gd name="connsiteX5" fmla="*/ 241031 w 2450342"/>
                <a:gd name="connsiteY5" fmla="*/ 1449687 h 2033194"/>
                <a:gd name="connsiteX6" fmla="*/ 0 w 2450342"/>
                <a:gd name="connsiteY6" fmla="*/ 471756 h 20331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2450342" h="2033194">
                  <a:moveTo>
                    <a:pt x="0" y="471756"/>
                  </a:moveTo>
                  <a:lnTo>
                    <a:pt x="499508" y="0"/>
                  </a:lnTo>
                  <a:lnTo>
                    <a:pt x="2141570" y="514985"/>
                  </a:lnTo>
                  <a:lnTo>
                    <a:pt x="2450342" y="1547564"/>
                  </a:lnTo>
                  <a:lnTo>
                    <a:pt x="1972490" y="2033194"/>
                  </a:lnTo>
                  <a:lnTo>
                    <a:pt x="241031" y="1449687"/>
                  </a:lnTo>
                  <a:lnTo>
                    <a:pt x="0" y="471756"/>
                  </a:lnTo>
                  <a:close/>
                </a:path>
              </a:pathLst>
            </a:cu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8" name="Rectangle 8">
              <a:hlinkClick r:id="rId15" action="ppaction://hlinksldjump"/>
            </p:cNvPr>
            <p:cNvSpPr/>
            <p:nvPr/>
          </p:nvSpPr>
          <p:spPr>
            <a:xfrm rot="19047282">
              <a:off x="5837739" y="3759265"/>
              <a:ext cx="2508691" cy="2660535"/>
            </a:xfrm>
            <a:custGeom>
              <a:avLst/>
              <a:gdLst>
                <a:gd name="connsiteX0" fmla="*/ 0 w 1196215"/>
                <a:gd name="connsiteY0" fmla="*/ 0 h 1128700"/>
                <a:gd name="connsiteX1" fmla="*/ 1196215 w 1196215"/>
                <a:gd name="connsiteY1" fmla="*/ 0 h 1128700"/>
                <a:gd name="connsiteX2" fmla="*/ 1196215 w 1196215"/>
                <a:gd name="connsiteY2" fmla="*/ 1128700 h 1128700"/>
                <a:gd name="connsiteX3" fmla="*/ 0 w 1196215"/>
                <a:gd name="connsiteY3" fmla="*/ 1128700 h 1128700"/>
                <a:gd name="connsiteX4" fmla="*/ 0 w 1196215"/>
                <a:gd name="connsiteY4" fmla="*/ 0 h 1128700"/>
                <a:gd name="connsiteX0" fmla="*/ 0 w 1484079"/>
                <a:gd name="connsiteY0" fmla="*/ 133632 h 1128700"/>
                <a:gd name="connsiteX1" fmla="*/ 1484079 w 1484079"/>
                <a:gd name="connsiteY1" fmla="*/ 0 h 1128700"/>
                <a:gd name="connsiteX2" fmla="*/ 1484079 w 1484079"/>
                <a:gd name="connsiteY2" fmla="*/ 1128700 h 1128700"/>
                <a:gd name="connsiteX3" fmla="*/ 287864 w 1484079"/>
                <a:gd name="connsiteY3" fmla="*/ 1128700 h 1128700"/>
                <a:gd name="connsiteX4" fmla="*/ 0 w 1484079"/>
                <a:gd name="connsiteY4" fmla="*/ 133632 h 1128700"/>
                <a:gd name="connsiteX0" fmla="*/ 0 w 1484079"/>
                <a:gd name="connsiteY0" fmla="*/ 133632 h 1445215"/>
                <a:gd name="connsiteX1" fmla="*/ 1484079 w 1484079"/>
                <a:gd name="connsiteY1" fmla="*/ 0 h 1445215"/>
                <a:gd name="connsiteX2" fmla="*/ 1246123 w 1484079"/>
                <a:gd name="connsiteY2" fmla="*/ 1445215 h 1445215"/>
                <a:gd name="connsiteX3" fmla="*/ 287864 w 1484079"/>
                <a:gd name="connsiteY3" fmla="*/ 1128700 h 1445215"/>
                <a:gd name="connsiteX4" fmla="*/ 0 w 1484079"/>
                <a:gd name="connsiteY4" fmla="*/ 133632 h 1445215"/>
                <a:gd name="connsiteX0" fmla="*/ 0 w 1484079"/>
                <a:gd name="connsiteY0" fmla="*/ 133632 h 1445215"/>
                <a:gd name="connsiteX1" fmla="*/ 677228 w 1484079"/>
                <a:gd name="connsiteY1" fmla="*/ 61458 h 1445215"/>
                <a:gd name="connsiteX2" fmla="*/ 1484079 w 1484079"/>
                <a:gd name="connsiteY2" fmla="*/ 0 h 1445215"/>
                <a:gd name="connsiteX3" fmla="*/ 1246123 w 1484079"/>
                <a:gd name="connsiteY3" fmla="*/ 1445215 h 1445215"/>
                <a:gd name="connsiteX4" fmla="*/ 287864 w 1484079"/>
                <a:gd name="connsiteY4" fmla="*/ 1128700 h 1445215"/>
                <a:gd name="connsiteX5" fmla="*/ 0 w 1484079"/>
                <a:gd name="connsiteY5" fmla="*/ 133632 h 1445215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246123 w 1484079"/>
                <a:gd name="connsiteY3" fmla="*/ 1768033 h 1768033"/>
                <a:gd name="connsiteX4" fmla="*/ 287864 w 1484079"/>
                <a:gd name="connsiteY4" fmla="*/ 1451518 h 1768033"/>
                <a:gd name="connsiteX5" fmla="*/ 0 w 1484079"/>
                <a:gd name="connsiteY5" fmla="*/ 456450 h 1768033"/>
                <a:gd name="connsiteX0" fmla="*/ 0 w 1484079"/>
                <a:gd name="connsiteY0" fmla="*/ 456450 h 1768033"/>
                <a:gd name="connsiteX1" fmla="*/ 483288 w 1484079"/>
                <a:gd name="connsiteY1" fmla="*/ 0 h 1768033"/>
                <a:gd name="connsiteX2" fmla="*/ 1484079 w 1484079"/>
                <a:gd name="connsiteY2" fmla="*/ 322818 h 1768033"/>
                <a:gd name="connsiteX3" fmla="*/ 1376847 w 1484079"/>
                <a:gd name="connsiteY3" fmla="*/ 1012001 h 1768033"/>
                <a:gd name="connsiteX4" fmla="*/ 1246123 w 1484079"/>
                <a:gd name="connsiteY4" fmla="*/ 1768033 h 1768033"/>
                <a:gd name="connsiteX5" fmla="*/ 287864 w 1484079"/>
                <a:gd name="connsiteY5" fmla="*/ 1451518 h 1768033"/>
                <a:gd name="connsiteX6" fmla="*/ 0 w 1484079"/>
                <a:gd name="connsiteY6" fmla="*/ 456450 h 1768033"/>
                <a:gd name="connsiteX0" fmla="*/ 0 w 1714032"/>
                <a:gd name="connsiteY0" fmla="*/ 456450 h 1768033"/>
                <a:gd name="connsiteX1" fmla="*/ 483288 w 1714032"/>
                <a:gd name="connsiteY1" fmla="*/ 0 h 1768033"/>
                <a:gd name="connsiteX2" fmla="*/ 1484079 w 1714032"/>
                <a:gd name="connsiteY2" fmla="*/ 322818 h 1768033"/>
                <a:gd name="connsiteX3" fmla="*/ 1714032 w 1714032"/>
                <a:gd name="connsiteY3" fmla="*/ 1353107 h 1768033"/>
                <a:gd name="connsiteX4" fmla="*/ 1246123 w 1714032"/>
                <a:gd name="connsiteY4" fmla="*/ 1768033 h 1768033"/>
                <a:gd name="connsiteX5" fmla="*/ 287864 w 1714032"/>
                <a:gd name="connsiteY5" fmla="*/ 1451518 h 1768033"/>
                <a:gd name="connsiteX6" fmla="*/ 0 w 1714032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1484079 w 2390493"/>
                <a:gd name="connsiteY2" fmla="*/ 322818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768033"/>
                <a:gd name="connsiteX1" fmla="*/ 483288 w 2390493"/>
                <a:gd name="connsiteY1" fmla="*/ 0 h 1768033"/>
                <a:gd name="connsiteX2" fmla="*/ 2117239 w 2390493"/>
                <a:gd name="connsiteY2" fmla="*/ 522639 h 1768033"/>
                <a:gd name="connsiteX3" fmla="*/ 2390493 w 2390493"/>
                <a:gd name="connsiteY3" fmla="*/ 1420082 h 1768033"/>
                <a:gd name="connsiteX4" fmla="*/ 1246123 w 2390493"/>
                <a:gd name="connsiteY4" fmla="*/ 1768033 h 1768033"/>
                <a:gd name="connsiteX5" fmla="*/ 287864 w 2390493"/>
                <a:gd name="connsiteY5" fmla="*/ 1451518 h 1768033"/>
                <a:gd name="connsiteX6" fmla="*/ 0 w 2390493"/>
                <a:gd name="connsiteY6" fmla="*/ 456450 h 1768033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87864 w 2390493"/>
                <a:gd name="connsiteY5" fmla="*/ 145151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346012 w 2390493"/>
                <a:gd name="connsiteY5" fmla="*/ 1350658 h 1883671"/>
                <a:gd name="connsiteX6" fmla="*/ 0 w 2390493"/>
                <a:gd name="connsiteY6" fmla="*/ 456450 h 1883671"/>
                <a:gd name="connsiteX0" fmla="*/ 0 w 2390493"/>
                <a:gd name="connsiteY0" fmla="*/ 456450 h 1883671"/>
                <a:gd name="connsiteX1" fmla="*/ 483288 w 2390493"/>
                <a:gd name="connsiteY1" fmla="*/ 0 h 1883671"/>
                <a:gd name="connsiteX2" fmla="*/ 2117239 w 2390493"/>
                <a:gd name="connsiteY2" fmla="*/ 522639 h 1883671"/>
                <a:gd name="connsiteX3" fmla="*/ 2390493 w 2390493"/>
                <a:gd name="connsiteY3" fmla="*/ 1420082 h 1883671"/>
                <a:gd name="connsiteX4" fmla="*/ 1968501 w 2390493"/>
                <a:gd name="connsiteY4" fmla="*/ 1883671 h 1883671"/>
                <a:gd name="connsiteX5" fmla="*/ 251889 w 2390493"/>
                <a:gd name="connsiteY5" fmla="*/ 1332148 h 1883671"/>
                <a:gd name="connsiteX6" fmla="*/ 0 w 2390493"/>
                <a:gd name="connsiteY6" fmla="*/ 456450 h 1883671"/>
                <a:gd name="connsiteX0" fmla="*/ 0 w 2256731"/>
                <a:gd name="connsiteY0" fmla="*/ 468223 h 1883671"/>
                <a:gd name="connsiteX1" fmla="*/ 349526 w 2256731"/>
                <a:gd name="connsiteY1" fmla="*/ 0 h 1883671"/>
                <a:gd name="connsiteX2" fmla="*/ 1983477 w 2256731"/>
                <a:gd name="connsiteY2" fmla="*/ 522639 h 1883671"/>
                <a:gd name="connsiteX3" fmla="*/ 2256731 w 2256731"/>
                <a:gd name="connsiteY3" fmla="*/ 1420082 h 1883671"/>
                <a:gd name="connsiteX4" fmla="*/ 1834739 w 2256731"/>
                <a:gd name="connsiteY4" fmla="*/ 1883671 h 1883671"/>
                <a:gd name="connsiteX5" fmla="*/ 118127 w 2256731"/>
                <a:gd name="connsiteY5" fmla="*/ 1332148 h 1883671"/>
                <a:gd name="connsiteX6" fmla="*/ 0 w 2256731"/>
                <a:gd name="connsiteY6" fmla="*/ 468223 h 1883671"/>
                <a:gd name="connsiteX0" fmla="*/ 0 w 2382383"/>
                <a:gd name="connsiteY0" fmla="*/ 448796 h 1883671"/>
                <a:gd name="connsiteX1" fmla="*/ 475178 w 2382383"/>
                <a:gd name="connsiteY1" fmla="*/ 0 h 1883671"/>
                <a:gd name="connsiteX2" fmla="*/ 2109129 w 2382383"/>
                <a:gd name="connsiteY2" fmla="*/ 522639 h 1883671"/>
                <a:gd name="connsiteX3" fmla="*/ 2382383 w 2382383"/>
                <a:gd name="connsiteY3" fmla="*/ 1420082 h 1883671"/>
                <a:gd name="connsiteX4" fmla="*/ 1960391 w 2382383"/>
                <a:gd name="connsiteY4" fmla="*/ 1883671 h 1883671"/>
                <a:gd name="connsiteX5" fmla="*/ 243779 w 2382383"/>
                <a:gd name="connsiteY5" fmla="*/ 1332148 h 1883671"/>
                <a:gd name="connsiteX6" fmla="*/ 0 w 2382383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09129 w 2397689"/>
                <a:gd name="connsiteY2" fmla="*/ 522639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397689"/>
                <a:gd name="connsiteY0" fmla="*/ 448796 h 1883671"/>
                <a:gd name="connsiteX1" fmla="*/ 475178 w 2397689"/>
                <a:gd name="connsiteY1" fmla="*/ 0 h 1883671"/>
                <a:gd name="connsiteX2" fmla="*/ 2117240 w 2397689"/>
                <a:gd name="connsiteY2" fmla="*/ 514985 h 1883671"/>
                <a:gd name="connsiteX3" fmla="*/ 2397689 w 2397689"/>
                <a:gd name="connsiteY3" fmla="*/ 1436303 h 1883671"/>
                <a:gd name="connsiteX4" fmla="*/ 1960391 w 2397689"/>
                <a:gd name="connsiteY4" fmla="*/ 1883671 h 1883671"/>
                <a:gd name="connsiteX5" fmla="*/ 243779 w 2397689"/>
                <a:gd name="connsiteY5" fmla="*/ 1332148 h 1883671"/>
                <a:gd name="connsiteX6" fmla="*/ 0 w 2397689"/>
                <a:gd name="connsiteY6" fmla="*/ 448796 h 1883671"/>
                <a:gd name="connsiteX0" fmla="*/ 0 w 2547742"/>
                <a:gd name="connsiteY0" fmla="*/ 448796 h 2245280"/>
                <a:gd name="connsiteX1" fmla="*/ 475178 w 2547742"/>
                <a:gd name="connsiteY1" fmla="*/ 0 h 2245280"/>
                <a:gd name="connsiteX2" fmla="*/ 2117240 w 2547742"/>
                <a:gd name="connsiteY2" fmla="*/ 514985 h 2245280"/>
                <a:gd name="connsiteX3" fmla="*/ 2547742 w 2547742"/>
                <a:gd name="connsiteY3" fmla="*/ 2245280 h 2245280"/>
                <a:gd name="connsiteX4" fmla="*/ 1960391 w 2547742"/>
                <a:gd name="connsiteY4" fmla="*/ 1883671 h 2245280"/>
                <a:gd name="connsiteX5" fmla="*/ 243779 w 2547742"/>
                <a:gd name="connsiteY5" fmla="*/ 1332148 h 2245280"/>
                <a:gd name="connsiteX6" fmla="*/ 0 w 2547742"/>
                <a:gd name="connsiteY6" fmla="*/ 448796 h 2245280"/>
                <a:gd name="connsiteX0" fmla="*/ 0 w 2547742"/>
                <a:gd name="connsiteY0" fmla="*/ 448796 h 2637246"/>
                <a:gd name="connsiteX1" fmla="*/ 475178 w 2547742"/>
                <a:gd name="connsiteY1" fmla="*/ 0 h 2637246"/>
                <a:gd name="connsiteX2" fmla="*/ 2117240 w 2547742"/>
                <a:gd name="connsiteY2" fmla="*/ 514985 h 2637246"/>
                <a:gd name="connsiteX3" fmla="*/ 2547742 w 2547742"/>
                <a:gd name="connsiteY3" fmla="*/ 2245280 h 2637246"/>
                <a:gd name="connsiteX4" fmla="*/ 2104165 w 2547742"/>
                <a:gd name="connsiteY4" fmla="*/ 2637246 h 2637246"/>
                <a:gd name="connsiteX5" fmla="*/ 243779 w 2547742"/>
                <a:gd name="connsiteY5" fmla="*/ 1332148 h 2637246"/>
                <a:gd name="connsiteX6" fmla="*/ 0 w 2547742"/>
                <a:gd name="connsiteY6" fmla="*/ 448796 h 2637246"/>
                <a:gd name="connsiteX0" fmla="*/ 0 w 2547742"/>
                <a:gd name="connsiteY0" fmla="*/ 448796 h 2637246"/>
                <a:gd name="connsiteX1" fmla="*/ 475178 w 2547742"/>
                <a:gd name="connsiteY1" fmla="*/ 0 h 2637246"/>
                <a:gd name="connsiteX2" fmla="*/ 2117240 w 2547742"/>
                <a:gd name="connsiteY2" fmla="*/ 514985 h 2637246"/>
                <a:gd name="connsiteX3" fmla="*/ 2547742 w 2547742"/>
                <a:gd name="connsiteY3" fmla="*/ 2245280 h 2637246"/>
                <a:gd name="connsiteX4" fmla="*/ 2104165 w 2547742"/>
                <a:gd name="connsiteY4" fmla="*/ 2637246 h 2637246"/>
                <a:gd name="connsiteX5" fmla="*/ 1161668 w 2547742"/>
                <a:gd name="connsiteY5" fmla="*/ 2321192 h 2637246"/>
                <a:gd name="connsiteX6" fmla="*/ 0 w 2547742"/>
                <a:gd name="connsiteY6" fmla="*/ 448796 h 2637246"/>
                <a:gd name="connsiteX0" fmla="*/ 169167 w 2072564"/>
                <a:gd name="connsiteY0" fmla="*/ 806710 h 2637246"/>
                <a:gd name="connsiteX1" fmla="*/ 0 w 2072564"/>
                <a:gd name="connsiteY1" fmla="*/ 0 h 2637246"/>
                <a:gd name="connsiteX2" fmla="*/ 1642062 w 2072564"/>
                <a:gd name="connsiteY2" fmla="*/ 514985 h 2637246"/>
                <a:gd name="connsiteX3" fmla="*/ 2072564 w 2072564"/>
                <a:gd name="connsiteY3" fmla="*/ 2245280 h 2637246"/>
                <a:gd name="connsiteX4" fmla="*/ 1628987 w 2072564"/>
                <a:gd name="connsiteY4" fmla="*/ 2637246 h 2637246"/>
                <a:gd name="connsiteX5" fmla="*/ 686490 w 2072564"/>
                <a:gd name="connsiteY5" fmla="*/ 2321192 h 2637246"/>
                <a:gd name="connsiteX6" fmla="*/ 169167 w 2072564"/>
                <a:gd name="connsiteY6" fmla="*/ 806710 h 2637246"/>
                <a:gd name="connsiteX0" fmla="*/ 0 w 1903397"/>
                <a:gd name="connsiteY0" fmla="*/ 605974 h 2436510"/>
                <a:gd name="connsiteX1" fmla="*/ 495518 w 1903397"/>
                <a:gd name="connsiteY1" fmla="*/ 0 h 2436510"/>
                <a:gd name="connsiteX2" fmla="*/ 1472895 w 1903397"/>
                <a:gd name="connsiteY2" fmla="*/ 314249 h 2436510"/>
                <a:gd name="connsiteX3" fmla="*/ 1903397 w 1903397"/>
                <a:gd name="connsiteY3" fmla="*/ 2044544 h 2436510"/>
                <a:gd name="connsiteX4" fmla="*/ 1459820 w 1903397"/>
                <a:gd name="connsiteY4" fmla="*/ 2436510 h 2436510"/>
                <a:gd name="connsiteX5" fmla="*/ 517323 w 1903397"/>
                <a:gd name="connsiteY5" fmla="*/ 2120456 h 2436510"/>
                <a:gd name="connsiteX6" fmla="*/ 0 w 1903397"/>
                <a:gd name="connsiteY6" fmla="*/ 605974 h 2436510"/>
                <a:gd name="connsiteX0" fmla="*/ 0 w 1843876"/>
                <a:gd name="connsiteY0" fmla="*/ 457822 h 2436510"/>
                <a:gd name="connsiteX1" fmla="*/ 435997 w 1843876"/>
                <a:gd name="connsiteY1" fmla="*/ 0 h 2436510"/>
                <a:gd name="connsiteX2" fmla="*/ 1413374 w 1843876"/>
                <a:gd name="connsiteY2" fmla="*/ 314249 h 2436510"/>
                <a:gd name="connsiteX3" fmla="*/ 1843876 w 1843876"/>
                <a:gd name="connsiteY3" fmla="*/ 2044544 h 2436510"/>
                <a:gd name="connsiteX4" fmla="*/ 1400299 w 1843876"/>
                <a:gd name="connsiteY4" fmla="*/ 2436510 h 2436510"/>
                <a:gd name="connsiteX5" fmla="*/ 457802 w 1843876"/>
                <a:gd name="connsiteY5" fmla="*/ 2120456 h 2436510"/>
                <a:gd name="connsiteX6" fmla="*/ 0 w 1843876"/>
                <a:gd name="connsiteY6" fmla="*/ 457822 h 2436510"/>
                <a:gd name="connsiteX0" fmla="*/ 0 w 1843876"/>
                <a:gd name="connsiteY0" fmla="*/ 457822 h 2436510"/>
                <a:gd name="connsiteX1" fmla="*/ 435997 w 1843876"/>
                <a:gd name="connsiteY1" fmla="*/ 0 h 2436510"/>
                <a:gd name="connsiteX2" fmla="*/ 1413374 w 1843876"/>
                <a:gd name="connsiteY2" fmla="*/ 314249 h 2436510"/>
                <a:gd name="connsiteX3" fmla="*/ 1843876 w 1843876"/>
                <a:gd name="connsiteY3" fmla="*/ 2044544 h 2436510"/>
                <a:gd name="connsiteX4" fmla="*/ 1400299 w 1843876"/>
                <a:gd name="connsiteY4" fmla="*/ 2436510 h 2436510"/>
                <a:gd name="connsiteX5" fmla="*/ 471277 w 1843876"/>
                <a:gd name="connsiteY5" fmla="*/ 2199731 h 2436510"/>
                <a:gd name="connsiteX6" fmla="*/ 0 w 1843876"/>
                <a:gd name="connsiteY6" fmla="*/ 457822 h 2436510"/>
                <a:gd name="connsiteX0" fmla="*/ 0 w 1843876"/>
                <a:gd name="connsiteY0" fmla="*/ 457822 h 2445079"/>
                <a:gd name="connsiteX1" fmla="*/ 435997 w 1843876"/>
                <a:gd name="connsiteY1" fmla="*/ 0 h 2445079"/>
                <a:gd name="connsiteX2" fmla="*/ 1413374 w 1843876"/>
                <a:gd name="connsiteY2" fmla="*/ 314249 h 2445079"/>
                <a:gd name="connsiteX3" fmla="*/ 1843876 w 1843876"/>
                <a:gd name="connsiteY3" fmla="*/ 2044544 h 2445079"/>
                <a:gd name="connsiteX4" fmla="*/ 1423716 w 1843876"/>
                <a:gd name="connsiteY4" fmla="*/ 2445079 h 2445079"/>
                <a:gd name="connsiteX5" fmla="*/ 471277 w 1843876"/>
                <a:gd name="connsiteY5" fmla="*/ 2199731 h 2445079"/>
                <a:gd name="connsiteX6" fmla="*/ 0 w 1843876"/>
                <a:gd name="connsiteY6" fmla="*/ 457822 h 2445079"/>
                <a:gd name="connsiteX0" fmla="*/ 0 w 1843876"/>
                <a:gd name="connsiteY0" fmla="*/ 457822 h 2445079"/>
                <a:gd name="connsiteX1" fmla="*/ 435997 w 1843876"/>
                <a:gd name="connsiteY1" fmla="*/ 0 h 2445079"/>
                <a:gd name="connsiteX2" fmla="*/ 1413374 w 1843876"/>
                <a:gd name="connsiteY2" fmla="*/ 314249 h 2445079"/>
                <a:gd name="connsiteX3" fmla="*/ 1843876 w 1843876"/>
                <a:gd name="connsiteY3" fmla="*/ 2044544 h 2445079"/>
                <a:gd name="connsiteX4" fmla="*/ 1423716 w 1843876"/>
                <a:gd name="connsiteY4" fmla="*/ 2445079 h 2445079"/>
                <a:gd name="connsiteX5" fmla="*/ 438377 w 1843876"/>
                <a:gd name="connsiteY5" fmla="*/ 2246106 h 2445079"/>
                <a:gd name="connsiteX6" fmla="*/ 0 w 1843876"/>
                <a:gd name="connsiteY6" fmla="*/ 457822 h 2445079"/>
                <a:gd name="connsiteX0" fmla="*/ 0 w 2147796"/>
                <a:gd name="connsiteY0" fmla="*/ 457822 h 2773755"/>
                <a:gd name="connsiteX1" fmla="*/ 435997 w 2147796"/>
                <a:gd name="connsiteY1" fmla="*/ 0 h 2773755"/>
                <a:gd name="connsiteX2" fmla="*/ 1413374 w 2147796"/>
                <a:gd name="connsiteY2" fmla="*/ 314249 h 2773755"/>
                <a:gd name="connsiteX3" fmla="*/ 1843876 w 2147796"/>
                <a:gd name="connsiteY3" fmla="*/ 2044544 h 2773755"/>
                <a:gd name="connsiteX4" fmla="*/ 2147796 w 2147796"/>
                <a:gd name="connsiteY4" fmla="*/ 2773755 h 2773755"/>
                <a:gd name="connsiteX5" fmla="*/ 438377 w 2147796"/>
                <a:gd name="connsiteY5" fmla="*/ 2246106 h 2773755"/>
                <a:gd name="connsiteX6" fmla="*/ 0 w 2147796"/>
                <a:gd name="connsiteY6" fmla="*/ 457822 h 2773755"/>
                <a:gd name="connsiteX0" fmla="*/ 0 w 2639577"/>
                <a:gd name="connsiteY0" fmla="*/ 457822 h 2773755"/>
                <a:gd name="connsiteX1" fmla="*/ 435997 w 2639577"/>
                <a:gd name="connsiteY1" fmla="*/ 0 h 2773755"/>
                <a:gd name="connsiteX2" fmla="*/ 1413374 w 2639577"/>
                <a:gd name="connsiteY2" fmla="*/ 314249 h 2773755"/>
                <a:gd name="connsiteX3" fmla="*/ 2639577 w 2639577"/>
                <a:gd name="connsiteY3" fmla="*/ 2351634 h 2773755"/>
                <a:gd name="connsiteX4" fmla="*/ 2147796 w 2639577"/>
                <a:gd name="connsiteY4" fmla="*/ 2773755 h 2773755"/>
                <a:gd name="connsiteX5" fmla="*/ 438377 w 2639577"/>
                <a:gd name="connsiteY5" fmla="*/ 2246106 h 2773755"/>
                <a:gd name="connsiteX6" fmla="*/ 0 w 2639577"/>
                <a:gd name="connsiteY6" fmla="*/ 457822 h 2773755"/>
                <a:gd name="connsiteX0" fmla="*/ 0 w 2639577"/>
                <a:gd name="connsiteY0" fmla="*/ 457822 h 2773755"/>
                <a:gd name="connsiteX1" fmla="*/ 435997 w 2639577"/>
                <a:gd name="connsiteY1" fmla="*/ 0 h 2773755"/>
                <a:gd name="connsiteX2" fmla="*/ 2178464 w 2639577"/>
                <a:gd name="connsiteY2" fmla="*/ 588898 h 2773755"/>
                <a:gd name="connsiteX3" fmla="*/ 2639577 w 2639577"/>
                <a:gd name="connsiteY3" fmla="*/ 2351634 h 2773755"/>
                <a:gd name="connsiteX4" fmla="*/ 2147796 w 2639577"/>
                <a:gd name="connsiteY4" fmla="*/ 2773755 h 2773755"/>
                <a:gd name="connsiteX5" fmla="*/ 438377 w 2639577"/>
                <a:gd name="connsiteY5" fmla="*/ 2246106 h 2773755"/>
                <a:gd name="connsiteX6" fmla="*/ 0 w 2639577"/>
                <a:gd name="connsiteY6" fmla="*/ 457822 h 2773755"/>
                <a:gd name="connsiteX0" fmla="*/ 0 w 2656256"/>
                <a:gd name="connsiteY0" fmla="*/ 457822 h 2773755"/>
                <a:gd name="connsiteX1" fmla="*/ 435997 w 2656256"/>
                <a:gd name="connsiteY1" fmla="*/ 0 h 2773755"/>
                <a:gd name="connsiteX2" fmla="*/ 2178464 w 2656256"/>
                <a:gd name="connsiteY2" fmla="*/ 588898 h 2773755"/>
                <a:gd name="connsiteX3" fmla="*/ 2656256 w 2656256"/>
                <a:gd name="connsiteY3" fmla="*/ 2320564 h 2773755"/>
                <a:gd name="connsiteX4" fmla="*/ 2147796 w 2656256"/>
                <a:gd name="connsiteY4" fmla="*/ 2773755 h 2773755"/>
                <a:gd name="connsiteX5" fmla="*/ 438377 w 2656256"/>
                <a:gd name="connsiteY5" fmla="*/ 2246106 h 2773755"/>
                <a:gd name="connsiteX6" fmla="*/ 0 w 2656256"/>
                <a:gd name="connsiteY6" fmla="*/ 457822 h 2773755"/>
                <a:gd name="connsiteX0" fmla="*/ 0 w 2656256"/>
                <a:gd name="connsiteY0" fmla="*/ 457822 h 2773755"/>
                <a:gd name="connsiteX1" fmla="*/ 435997 w 2656256"/>
                <a:gd name="connsiteY1" fmla="*/ 0 h 2773755"/>
                <a:gd name="connsiteX2" fmla="*/ 2178464 w 2656256"/>
                <a:gd name="connsiteY2" fmla="*/ 588898 h 2773755"/>
                <a:gd name="connsiteX3" fmla="*/ 2656256 w 2656256"/>
                <a:gd name="connsiteY3" fmla="*/ 2320564 h 2773755"/>
                <a:gd name="connsiteX4" fmla="*/ 2147796 w 2656256"/>
                <a:gd name="connsiteY4" fmla="*/ 2773755 h 2773755"/>
                <a:gd name="connsiteX5" fmla="*/ 584369 w 2656256"/>
                <a:gd name="connsiteY5" fmla="*/ 2108354 h 2773755"/>
                <a:gd name="connsiteX6" fmla="*/ 0 w 2656256"/>
                <a:gd name="connsiteY6" fmla="*/ 457822 h 2773755"/>
                <a:gd name="connsiteX0" fmla="*/ 0 w 2656256"/>
                <a:gd name="connsiteY0" fmla="*/ 457822 h 2773755"/>
                <a:gd name="connsiteX1" fmla="*/ 435997 w 2656256"/>
                <a:gd name="connsiteY1" fmla="*/ 0 h 2773755"/>
                <a:gd name="connsiteX2" fmla="*/ 2178464 w 2656256"/>
                <a:gd name="connsiteY2" fmla="*/ 588898 h 2773755"/>
                <a:gd name="connsiteX3" fmla="*/ 2656256 w 2656256"/>
                <a:gd name="connsiteY3" fmla="*/ 2320564 h 2773755"/>
                <a:gd name="connsiteX4" fmla="*/ 2147796 w 2656256"/>
                <a:gd name="connsiteY4" fmla="*/ 2773755 h 2773755"/>
                <a:gd name="connsiteX5" fmla="*/ 528967 w 2656256"/>
                <a:gd name="connsiteY5" fmla="*/ 2114633 h 2773755"/>
                <a:gd name="connsiteX6" fmla="*/ 0 w 2656256"/>
                <a:gd name="connsiteY6" fmla="*/ 457822 h 2773755"/>
                <a:gd name="connsiteX0" fmla="*/ 0 w 2656256"/>
                <a:gd name="connsiteY0" fmla="*/ 457822 h 2773755"/>
                <a:gd name="connsiteX1" fmla="*/ 435997 w 2656256"/>
                <a:gd name="connsiteY1" fmla="*/ 0 h 2773755"/>
                <a:gd name="connsiteX2" fmla="*/ 2106055 w 2656256"/>
                <a:gd name="connsiteY2" fmla="*/ 365919 h 2773755"/>
                <a:gd name="connsiteX3" fmla="*/ 2656256 w 2656256"/>
                <a:gd name="connsiteY3" fmla="*/ 2320564 h 2773755"/>
                <a:gd name="connsiteX4" fmla="*/ 2147796 w 2656256"/>
                <a:gd name="connsiteY4" fmla="*/ 2773755 h 2773755"/>
                <a:gd name="connsiteX5" fmla="*/ 528967 w 2656256"/>
                <a:gd name="connsiteY5" fmla="*/ 2114633 h 2773755"/>
                <a:gd name="connsiteX6" fmla="*/ 0 w 2656256"/>
                <a:gd name="connsiteY6" fmla="*/ 457822 h 2773755"/>
                <a:gd name="connsiteX0" fmla="*/ 0 w 2656256"/>
                <a:gd name="connsiteY0" fmla="*/ 503740 h 2819673"/>
                <a:gd name="connsiteX1" fmla="*/ 484661 w 2656256"/>
                <a:gd name="connsiteY1" fmla="*/ 0 h 2819673"/>
                <a:gd name="connsiteX2" fmla="*/ 2106055 w 2656256"/>
                <a:gd name="connsiteY2" fmla="*/ 411837 h 2819673"/>
                <a:gd name="connsiteX3" fmla="*/ 2656256 w 2656256"/>
                <a:gd name="connsiteY3" fmla="*/ 2366482 h 2819673"/>
                <a:gd name="connsiteX4" fmla="*/ 2147796 w 2656256"/>
                <a:gd name="connsiteY4" fmla="*/ 2819673 h 2819673"/>
                <a:gd name="connsiteX5" fmla="*/ 528967 w 2656256"/>
                <a:gd name="connsiteY5" fmla="*/ 2160551 h 2819673"/>
                <a:gd name="connsiteX6" fmla="*/ 0 w 2656256"/>
                <a:gd name="connsiteY6" fmla="*/ 503740 h 2819673"/>
                <a:gd name="connsiteX0" fmla="*/ 0 w 2656256"/>
                <a:gd name="connsiteY0" fmla="*/ 503740 h 2395758"/>
                <a:gd name="connsiteX1" fmla="*/ 484661 w 2656256"/>
                <a:gd name="connsiteY1" fmla="*/ 0 h 2395758"/>
                <a:gd name="connsiteX2" fmla="*/ 2106055 w 2656256"/>
                <a:gd name="connsiteY2" fmla="*/ 411837 h 2395758"/>
                <a:gd name="connsiteX3" fmla="*/ 2656256 w 2656256"/>
                <a:gd name="connsiteY3" fmla="*/ 2366482 h 2395758"/>
                <a:gd name="connsiteX4" fmla="*/ 1947119 w 2656256"/>
                <a:gd name="connsiteY4" fmla="*/ 2395758 h 2395758"/>
                <a:gd name="connsiteX5" fmla="*/ 528967 w 2656256"/>
                <a:gd name="connsiteY5" fmla="*/ 2160551 h 2395758"/>
                <a:gd name="connsiteX6" fmla="*/ 0 w 2656256"/>
                <a:gd name="connsiteY6" fmla="*/ 503740 h 2395758"/>
                <a:gd name="connsiteX0" fmla="*/ 0 w 2656256"/>
                <a:gd name="connsiteY0" fmla="*/ 503740 h 2627176"/>
                <a:gd name="connsiteX1" fmla="*/ 484661 w 2656256"/>
                <a:gd name="connsiteY1" fmla="*/ 0 h 2627176"/>
                <a:gd name="connsiteX2" fmla="*/ 2106055 w 2656256"/>
                <a:gd name="connsiteY2" fmla="*/ 411837 h 2627176"/>
                <a:gd name="connsiteX3" fmla="*/ 2656256 w 2656256"/>
                <a:gd name="connsiteY3" fmla="*/ 2366482 h 2627176"/>
                <a:gd name="connsiteX4" fmla="*/ 1766852 w 2656256"/>
                <a:gd name="connsiteY4" fmla="*/ 2627176 h 2627176"/>
                <a:gd name="connsiteX5" fmla="*/ 528967 w 2656256"/>
                <a:gd name="connsiteY5" fmla="*/ 2160551 h 2627176"/>
                <a:gd name="connsiteX6" fmla="*/ 0 w 2656256"/>
                <a:gd name="connsiteY6" fmla="*/ 503740 h 2627176"/>
                <a:gd name="connsiteX0" fmla="*/ 0 w 2288917"/>
                <a:gd name="connsiteY0" fmla="*/ 503740 h 2627176"/>
                <a:gd name="connsiteX1" fmla="*/ 484661 w 2288917"/>
                <a:gd name="connsiteY1" fmla="*/ 0 h 2627176"/>
                <a:gd name="connsiteX2" fmla="*/ 2106055 w 2288917"/>
                <a:gd name="connsiteY2" fmla="*/ 411837 h 2627176"/>
                <a:gd name="connsiteX3" fmla="*/ 2288917 w 2288917"/>
                <a:gd name="connsiteY3" fmla="*/ 1977169 h 2627176"/>
                <a:gd name="connsiteX4" fmla="*/ 1766852 w 2288917"/>
                <a:gd name="connsiteY4" fmla="*/ 2627176 h 2627176"/>
                <a:gd name="connsiteX5" fmla="*/ 528967 w 2288917"/>
                <a:gd name="connsiteY5" fmla="*/ 2160551 h 2627176"/>
                <a:gd name="connsiteX6" fmla="*/ 0 w 2288917"/>
                <a:gd name="connsiteY6" fmla="*/ 503740 h 2627176"/>
                <a:gd name="connsiteX0" fmla="*/ 0 w 2508691"/>
                <a:gd name="connsiteY0" fmla="*/ 503740 h 2627176"/>
                <a:gd name="connsiteX1" fmla="*/ 484661 w 2508691"/>
                <a:gd name="connsiteY1" fmla="*/ 0 h 2627176"/>
                <a:gd name="connsiteX2" fmla="*/ 2106055 w 2508691"/>
                <a:gd name="connsiteY2" fmla="*/ 411837 h 2627176"/>
                <a:gd name="connsiteX3" fmla="*/ 2508691 w 2508691"/>
                <a:gd name="connsiteY3" fmla="*/ 2015105 h 2627176"/>
                <a:gd name="connsiteX4" fmla="*/ 1766852 w 2508691"/>
                <a:gd name="connsiteY4" fmla="*/ 2627176 h 2627176"/>
                <a:gd name="connsiteX5" fmla="*/ 528967 w 2508691"/>
                <a:gd name="connsiteY5" fmla="*/ 2160551 h 2627176"/>
                <a:gd name="connsiteX6" fmla="*/ 0 w 2508691"/>
                <a:gd name="connsiteY6" fmla="*/ 503740 h 2627176"/>
                <a:gd name="connsiteX0" fmla="*/ 0 w 2508691"/>
                <a:gd name="connsiteY0" fmla="*/ 503740 h 2568700"/>
                <a:gd name="connsiteX1" fmla="*/ 484661 w 2508691"/>
                <a:gd name="connsiteY1" fmla="*/ 0 h 2568700"/>
                <a:gd name="connsiteX2" fmla="*/ 2106055 w 2508691"/>
                <a:gd name="connsiteY2" fmla="*/ 411837 h 2568700"/>
                <a:gd name="connsiteX3" fmla="*/ 2508691 w 2508691"/>
                <a:gd name="connsiteY3" fmla="*/ 2015105 h 2568700"/>
                <a:gd name="connsiteX4" fmla="*/ 1926319 w 2508691"/>
                <a:gd name="connsiteY4" fmla="*/ 2568700 h 2568700"/>
                <a:gd name="connsiteX5" fmla="*/ 528967 w 2508691"/>
                <a:gd name="connsiteY5" fmla="*/ 2160551 h 2568700"/>
                <a:gd name="connsiteX6" fmla="*/ 0 w 2508691"/>
                <a:gd name="connsiteY6" fmla="*/ 503740 h 2568700"/>
                <a:gd name="connsiteX0" fmla="*/ 0 w 2508691"/>
                <a:gd name="connsiteY0" fmla="*/ 503740 h 2660535"/>
                <a:gd name="connsiteX1" fmla="*/ 484661 w 2508691"/>
                <a:gd name="connsiteY1" fmla="*/ 0 h 2660535"/>
                <a:gd name="connsiteX2" fmla="*/ 2106055 w 2508691"/>
                <a:gd name="connsiteY2" fmla="*/ 411837 h 2660535"/>
                <a:gd name="connsiteX3" fmla="*/ 2508691 w 2508691"/>
                <a:gd name="connsiteY3" fmla="*/ 2015105 h 2660535"/>
                <a:gd name="connsiteX4" fmla="*/ 1828992 w 2508691"/>
                <a:gd name="connsiteY4" fmla="*/ 2660535 h 2660535"/>
                <a:gd name="connsiteX5" fmla="*/ 528967 w 2508691"/>
                <a:gd name="connsiteY5" fmla="*/ 2160551 h 2660535"/>
                <a:gd name="connsiteX6" fmla="*/ 0 w 2508691"/>
                <a:gd name="connsiteY6" fmla="*/ 503740 h 266053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2508691" h="2660535">
                  <a:moveTo>
                    <a:pt x="0" y="503740"/>
                  </a:moveTo>
                  <a:lnTo>
                    <a:pt x="484661" y="0"/>
                  </a:lnTo>
                  <a:lnTo>
                    <a:pt x="2106055" y="411837"/>
                  </a:lnTo>
                  <a:lnTo>
                    <a:pt x="2508691" y="2015105"/>
                  </a:lnTo>
                  <a:lnTo>
                    <a:pt x="1828992" y="2660535"/>
                  </a:lnTo>
                  <a:lnTo>
                    <a:pt x="528967" y="2160551"/>
                  </a:lnTo>
                  <a:lnTo>
                    <a:pt x="0" y="503740"/>
                  </a:lnTo>
                  <a:close/>
                </a:path>
              </a:pathLst>
            </a:cu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22" name="TextBox 21"/>
            <p:cNvSpPr txBox="1"/>
            <p:nvPr/>
          </p:nvSpPr>
          <p:spPr>
            <a:xfrm rot="21434987">
              <a:off x="4903304" y="5633243"/>
              <a:ext cx="2739373" cy="400110"/>
            </a:xfrm>
            <a:prstGeom prst="rect">
              <a:avLst/>
            </a:prstGeom>
            <a:noFill/>
            <a:ln>
              <a:noFill/>
            </a:ln>
          </p:spPr>
          <p:txBody>
            <a:bodyPr wrap="square" rtlCol="0">
              <a:spAutoFit/>
              <a:scene3d>
                <a:camera prst="isometricBottomDown"/>
                <a:lightRig rig="threePt" dir="t"/>
              </a:scene3d>
            </a:bodyPr>
            <a:lstStyle/>
            <a:p>
              <a:pPr algn="ctr"/>
              <a:r>
                <a:rPr lang="en-GB" sz="2000" b="1" dirty="0">
                  <a:solidFill>
                    <a:srgbClr val="5D5D5D"/>
                  </a:solidFill>
                </a:rPr>
                <a:t>OPERATIONS</a:t>
              </a:r>
              <a:endParaRPr lang="en-GB" sz="1200" b="1" dirty="0">
                <a:solidFill>
                  <a:srgbClr val="5D5D5D"/>
                </a:solidFill>
              </a:endParaRPr>
            </a:p>
          </p:txBody>
        </p:sp>
      </p:grpSp>
      <p:sp>
        <p:nvSpPr>
          <p:cNvPr id="24" name="Title 1"/>
          <p:cNvSpPr txBox="1">
            <a:spLocks/>
          </p:cNvSpPr>
          <p:nvPr/>
        </p:nvSpPr>
        <p:spPr>
          <a:xfrm>
            <a:off x="280195" y="1163328"/>
            <a:ext cx="4342225" cy="172604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Arrange the main functional activities of the main functional areas in small businesses.</a:t>
            </a:r>
            <a:endParaRPr lang="en-GB" sz="2800" dirty="0"/>
          </a:p>
        </p:txBody>
      </p:sp>
      <p:pic>
        <p:nvPicPr>
          <p:cNvPr id="26" name="Picture 25"/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3871388" y="1975389"/>
            <a:ext cx="1754823" cy="1157303"/>
          </a:xfrm>
          <a:prstGeom prst="rect">
            <a:avLst/>
          </a:prstGeom>
        </p:spPr>
      </p:pic>
      <p:sp>
        <p:nvSpPr>
          <p:cNvPr id="29" name="Title 1"/>
          <p:cNvSpPr txBox="1">
            <a:spLocks/>
          </p:cNvSpPr>
          <p:nvPr/>
        </p:nvSpPr>
        <p:spPr>
          <a:xfrm>
            <a:off x="262869" y="3248413"/>
            <a:ext cx="4342225" cy="172604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Once complete, write the purpose of each functional area.</a:t>
            </a:r>
            <a:endParaRPr lang="en-GB" sz="2800" dirty="0"/>
          </a:p>
        </p:txBody>
      </p:sp>
      <p:pic>
        <p:nvPicPr>
          <p:cNvPr id="30" name="Picture 29"/>
          <p:cNvPicPr>
            <a:picLocks noChangeAspect="1"/>
          </p:cNvPicPr>
          <p:nvPr/>
        </p:nvPicPr>
        <p:blipFill>
          <a:blip r:embed="rId16"/>
          <a:stretch>
            <a:fillRect/>
          </a:stretch>
        </p:blipFill>
        <p:spPr>
          <a:xfrm>
            <a:off x="3726486" y="4293517"/>
            <a:ext cx="1754823" cy="1157303"/>
          </a:xfrm>
          <a:prstGeom prst="rect">
            <a:avLst/>
          </a:prstGeom>
        </p:spPr>
      </p:pic>
      <p:graphicFrame>
        <p:nvGraphicFramePr>
          <p:cNvPr id="32" name="Table 3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08480015"/>
              </p:ext>
            </p:extLst>
          </p:nvPr>
        </p:nvGraphicFramePr>
        <p:xfrm>
          <a:off x="134084" y="5281575"/>
          <a:ext cx="4600560" cy="1444743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2300280">
                  <a:extLst>
                    <a:ext uri="{9D8B030D-6E8A-4147-A177-3AD203B41FA5}">
                      <a16:colId xmlns:a16="http://schemas.microsoft.com/office/drawing/2014/main" val="2811127994"/>
                    </a:ext>
                  </a:extLst>
                </a:gridCol>
                <a:gridCol w="2300280">
                  <a:extLst>
                    <a:ext uri="{9D8B030D-6E8A-4147-A177-3AD203B41FA5}">
                      <a16:colId xmlns:a16="http://schemas.microsoft.com/office/drawing/2014/main" val="659060206"/>
                    </a:ext>
                  </a:extLst>
                </a:gridCol>
              </a:tblGrid>
              <a:tr h="144474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dirty="0" smtClean="0">
                          <a:effectLst/>
                        </a:rPr>
                        <a:t>Good Progress – </a:t>
                      </a:r>
                      <a:r>
                        <a:rPr lang="en-GB" sz="1800" kern="1200" dirty="0" smtClean="0">
                          <a:effectLst/>
                        </a:rPr>
                        <a:t>Identify the purpose of the main functional areas.</a:t>
                      </a:r>
                      <a:r>
                        <a:rPr lang="en-GB" sz="1800" dirty="0" smtClean="0">
                          <a:effectLst/>
                        </a:rPr>
                        <a:t> </a:t>
                      </a:r>
                      <a:endParaRPr lang="en-GB" sz="1600" dirty="0" smtClean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kern="1200" dirty="0" smtClean="0">
                          <a:effectLst/>
                        </a:rPr>
                        <a:t>Outstanding  </a:t>
                      </a:r>
                      <a:r>
                        <a:rPr lang="en-GB" sz="1800" dirty="0" smtClean="0">
                          <a:effectLst/>
                        </a:rPr>
                        <a:t>Progress – Identify the main activities of each functional area</a:t>
                      </a:r>
                      <a:endParaRPr lang="en-GB" sz="1600" dirty="0" smtClean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999053500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600437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Content Placeholder 6"/>
          <p:cNvSpPr txBox="1">
            <a:spLocks/>
          </p:cNvSpPr>
          <p:nvPr/>
        </p:nvSpPr>
        <p:spPr>
          <a:xfrm>
            <a:off x="1440000" y="1260000"/>
            <a:ext cx="10246854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Every business will need some tasks to be done on a regular basis</a:t>
            </a:r>
          </a:p>
          <a:p>
            <a:pPr lvl="1"/>
            <a:r>
              <a:rPr lang="en-GB" dirty="0"/>
              <a:t>These tasks, or activities, might include: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Are Functional Activities?</a:t>
            </a:r>
          </a:p>
        </p:txBody>
      </p:sp>
      <p:sp>
        <p:nvSpPr>
          <p:cNvPr id="17" name="Content Placeholder 6"/>
          <p:cNvSpPr txBox="1">
            <a:spLocks/>
          </p:cNvSpPr>
          <p:nvPr/>
        </p:nvSpPr>
        <p:spPr>
          <a:xfrm>
            <a:off x="1440000" y="4369926"/>
            <a:ext cx="10246854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Large businesses will carry out these activities within a </a:t>
            </a:r>
            <a:r>
              <a:rPr lang="en-GB" b="1" dirty="0">
                <a:solidFill>
                  <a:srgbClr val="389EF8"/>
                </a:solidFill>
              </a:rPr>
              <a:t>functional area</a:t>
            </a:r>
            <a:r>
              <a:rPr lang="en-GB" dirty="0"/>
              <a:t>, which can be defined as:</a:t>
            </a:r>
          </a:p>
        </p:txBody>
      </p:sp>
      <p:grpSp>
        <p:nvGrpSpPr>
          <p:cNvPr id="18" name="Group 17"/>
          <p:cNvGrpSpPr/>
          <p:nvPr/>
        </p:nvGrpSpPr>
        <p:grpSpPr>
          <a:xfrm>
            <a:off x="1981855" y="5227386"/>
            <a:ext cx="8832781" cy="1496540"/>
            <a:chOff x="1793653" y="2099523"/>
            <a:chExt cx="8832781" cy="1496540"/>
          </a:xfrm>
        </p:grpSpPr>
        <p:sp>
          <p:nvSpPr>
            <p:cNvPr id="23" name="Rounded Rectangle 22"/>
            <p:cNvSpPr/>
            <p:nvPr/>
          </p:nvSpPr>
          <p:spPr bwMode="auto">
            <a:xfrm>
              <a:off x="2665871" y="2197235"/>
              <a:ext cx="7960563" cy="1141341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24" name="Text Box 8"/>
            <p:cNvSpPr txBox="1">
              <a:spLocks noChangeArrowheads="1"/>
            </p:cNvSpPr>
            <p:nvPr/>
          </p:nvSpPr>
          <p:spPr bwMode="auto">
            <a:xfrm>
              <a:off x="3540114" y="2273297"/>
              <a:ext cx="6836228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person, or team, responsible for completing specific tasks within a business, e.g. finance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pic>
          <p:nvPicPr>
            <p:cNvPr id="25" name="Picture 24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793653" y="2099523"/>
              <a:ext cx="1995388" cy="1496540"/>
            </a:xfrm>
            <a:prstGeom prst="rect">
              <a:avLst/>
            </a:prstGeom>
          </p:spPr>
        </p:pic>
      </p:grpSp>
      <p:pic>
        <p:nvPicPr>
          <p:cNvPr id="2" name="Picture 1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40533" y="2269691"/>
            <a:ext cx="1325939" cy="1344949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41056" y="2269692"/>
            <a:ext cx="1325939" cy="1344949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041579" y="2269692"/>
            <a:ext cx="1330692" cy="1344949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544479" y="2140800"/>
            <a:ext cx="1326456" cy="1473840"/>
          </a:xfrm>
          <a:prstGeom prst="rect">
            <a:avLst/>
          </a:prstGeom>
        </p:spPr>
      </p:pic>
      <p:sp>
        <p:nvSpPr>
          <p:cNvPr id="26" name="Rectangle 25"/>
          <p:cNvSpPr/>
          <p:nvPr/>
        </p:nvSpPr>
        <p:spPr>
          <a:xfrm>
            <a:off x="1981855" y="3557396"/>
            <a:ext cx="1443295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000" b="1" dirty="0">
                <a:ln w="19050">
                  <a:noFill/>
                  <a:prstDash val="solid"/>
                </a:ln>
                <a:solidFill>
                  <a:srgbClr val="5D5D5D"/>
                </a:solidFill>
              </a:rPr>
              <a:t>Recording Sales</a:t>
            </a:r>
          </a:p>
        </p:txBody>
      </p:sp>
      <p:sp>
        <p:nvSpPr>
          <p:cNvPr id="27" name="Rectangle 26"/>
          <p:cNvSpPr/>
          <p:nvPr/>
        </p:nvSpPr>
        <p:spPr>
          <a:xfrm>
            <a:off x="4482378" y="3608457"/>
            <a:ext cx="1443295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000" b="1" dirty="0">
                <a:ln w="19050">
                  <a:noFill/>
                  <a:prstDash val="solid"/>
                </a:ln>
                <a:solidFill>
                  <a:srgbClr val="5D5D5D"/>
                </a:solidFill>
              </a:rPr>
              <a:t>Placing Orders</a:t>
            </a:r>
          </a:p>
        </p:txBody>
      </p:sp>
      <p:sp>
        <p:nvSpPr>
          <p:cNvPr id="28" name="Rectangle 27"/>
          <p:cNvSpPr/>
          <p:nvPr/>
        </p:nvSpPr>
        <p:spPr>
          <a:xfrm>
            <a:off x="6985278" y="3659518"/>
            <a:ext cx="1443295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000" b="1" dirty="0">
                <a:ln w="19050">
                  <a:noFill/>
                  <a:prstDash val="solid"/>
                </a:ln>
                <a:solidFill>
                  <a:srgbClr val="5D5D5D"/>
                </a:solidFill>
              </a:rPr>
              <a:t>Arranging Meetings</a:t>
            </a:r>
          </a:p>
        </p:txBody>
      </p:sp>
      <p:sp>
        <p:nvSpPr>
          <p:cNvPr id="29" name="Rectangle 28"/>
          <p:cNvSpPr/>
          <p:nvPr/>
        </p:nvSpPr>
        <p:spPr>
          <a:xfrm>
            <a:off x="9488178" y="3662040"/>
            <a:ext cx="1462320" cy="707886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2000" b="1" dirty="0">
                <a:ln w="19050">
                  <a:noFill/>
                  <a:prstDash val="solid"/>
                </a:ln>
                <a:solidFill>
                  <a:srgbClr val="5D5D5D"/>
                </a:solidFill>
              </a:rPr>
              <a:t>Maintaining the Websi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37114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58543" y="1260000"/>
            <a:ext cx="11528311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This function is responsible for co-ordinating staff within the business</a:t>
            </a:r>
          </a:p>
          <a:p>
            <a:endParaRPr lang="en-GB" dirty="0"/>
          </a:p>
          <a:p>
            <a:r>
              <a:rPr lang="en-GB" dirty="0"/>
              <a:t>It will be involved with staff in a number of ways:</a:t>
            </a:r>
          </a:p>
          <a:p>
            <a:endParaRPr lang="en-GB" dirty="0"/>
          </a:p>
          <a:p>
            <a:pPr marL="0" indent="0">
              <a:buNone/>
            </a:pPr>
            <a:r>
              <a:rPr lang="en-GB" dirty="0"/>
              <a:t>- Recruitment and selection of employees </a:t>
            </a:r>
          </a:p>
          <a:p>
            <a:pPr marL="0" indent="0">
              <a:buNone/>
            </a:pPr>
            <a:r>
              <a:rPr lang="en-GB" dirty="0"/>
              <a:t>- Training and development of employees </a:t>
            </a:r>
          </a:p>
          <a:p>
            <a:pPr marL="0" indent="0">
              <a:buNone/>
            </a:pPr>
            <a:r>
              <a:rPr lang="en-GB" dirty="0"/>
              <a:t>- Performance management of employees </a:t>
            </a:r>
          </a:p>
          <a:p>
            <a:pPr marL="0" indent="0">
              <a:buNone/>
            </a:pPr>
            <a:r>
              <a:rPr lang="en-GB" dirty="0"/>
              <a:t>- Responsibility for health and safety in the workplace </a:t>
            </a:r>
          </a:p>
          <a:p>
            <a:pPr marL="0" indent="0">
              <a:buNone/>
            </a:pPr>
            <a:r>
              <a:rPr lang="en-GB" dirty="0"/>
              <a:t>- Ensuring compliance with employment legislation </a:t>
            </a:r>
          </a:p>
          <a:p>
            <a:endParaRPr lang="en-GB" dirty="0"/>
          </a:p>
          <a:p>
            <a:r>
              <a:rPr lang="en-GB" dirty="0"/>
              <a:t>In some business it is known as</a:t>
            </a:r>
            <a:br>
              <a:rPr lang="en-GB" dirty="0"/>
            </a:br>
            <a:r>
              <a:rPr lang="en-GB" dirty="0"/>
              <a:t>“</a:t>
            </a:r>
            <a:r>
              <a:rPr lang="en-GB" dirty="0">
                <a:solidFill>
                  <a:srgbClr val="5D5D5D"/>
                </a:solidFill>
              </a:rPr>
              <a:t>Personnel</a:t>
            </a:r>
            <a:r>
              <a:rPr lang="en-GB" dirty="0"/>
              <a:t>”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Human Resources (HR)</a:t>
            </a:r>
          </a:p>
        </p:txBody>
      </p:sp>
      <p:pic>
        <p:nvPicPr>
          <p:cNvPr id="31" name="Content Placeholder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30244" y="2087591"/>
            <a:ext cx="6261756" cy="430808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6922421" y="2423853"/>
            <a:ext cx="2832409" cy="1200329"/>
          </a:xfrm>
          <a:prstGeom prst="rect">
            <a:avLst/>
          </a:prstGeom>
          <a:noFill/>
        </p:spPr>
        <p:txBody>
          <a:bodyPr wrap="square" lIns="91440" tIns="45720" rIns="91440" bIns="45720">
            <a:spAutoFit/>
            <a:scene3d>
              <a:camera prst="orthographicFront">
                <a:rot lat="1240709" lon="20869740" rev="265825"/>
              </a:camera>
              <a:lightRig rig="threePt" dir="t"/>
            </a:scene3d>
          </a:bodyPr>
          <a:lstStyle/>
          <a:p>
            <a:pPr algn="ctr"/>
            <a:r>
              <a:rPr lang="en-US" sz="2400" b="1" dirty="0">
                <a:solidFill>
                  <a:srgbClr val="238EB5"/>
                </a:solidFill>
              </a:rPr>
              <a:t>Induction </a:t>
            </a:r>
          </a:p>
          <a:p>
            <a:pPr algn="ctr"/>
            <a:r>
              <a:rPr lang="en-US" sz="2400" b="1" dirty="0">
                <a:solidFill>
                  <a:srgbClr val="238EB5"/>
                </a:solidFill>
              </a:rPr>
              <a:t>For New </a:t>
            </a:r>
          </a:p>
          <a:p>
            <a:pPr algn="ctr"/>
            <a:r>
              <a:rPr lang="en-US" sz="2400" b="1" dirty="0">
                <a:solidFill>
                  <a:srgbClr val="238EB5"/>
                </a:solidFill>
              </a:rPr>
              <a:t>Staff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185106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0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58543" y="1260000"/>
            <a:ext cx="11528311" cy="519240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dirty="0"/>
              <a:t>This function is responsible for controlling anything involving finance within the business</a:t>
            </a:r>
          </a:p>
          <a:p>
            <a:endParaRPr lang="en-GB" dirty="0"/>
          </a:p>
          <a:p>
            <a:r>
              <a:rPr lang="en-GB" dirty="0" smtClean="0"/>
              <a:t>Organisation </a:t>
            </a:r>
            <a:r>
              <a:rPr lang="en-GB" dirty="0"/>
              <a:t>and allocation of financial </a:t>
            </a:r>
            <a:r>
              <a:rPr lang="en-GB" dirty="0" smtClean="0"/>
              <a:t>resources</a:t>
            </a:r>
          </a:p>
          <a:p>
            <a:pPr marL="649288" lvl="1" indent="-285750"/>
            <a:r>
              <a:rPr lang="en-GB" dirty="0" smtClean="0"/>
              <a:t>E.g. budgets, credit control</a:t>
            </a:r>
          </a:p>
          <a:p>
            <a:r>
              <a:rPr lang="en-GB" dirty="0" smtClean="0"/>
              <a:t>Financial </a:t>
            </a:r>
            <a:r>
              <a:rPr lang="en-GB" dirty="0"/>
              <a:t>performance reporting </a:t>
            </a:r>
          </a:p>
          <a:p>
            <a:pPr lvl="1"/>
            <a:r>
              <a:rPr lang="en-GB" dirty="0" smtClean="0"/>
              <a:t>E.g. to meet statutory requirements</a:t>
            </a:r>
          </a:p>
          <a:p>
            <a:r>
              <a:rPr lang="en-GB" dirty="0" smtClean="0"/>
              <a:t>Monitoring </a:t>
            </a:r>
            <a:r>
              <a:rPr lang="en-GB" dirty="0"/>
              <a:t>of cash flow </a:t>
            </a:r>
          </a:p>
          <a:p>
            <a:pPr lvl="1"/>
            <a:r>
              <a:rPr lang="en-GB" dirty="0" smtClean="0"/>
              <a:t>E.g</a:t>
            </a:r>
            <a:r>
              <a:rPr lang="en-GB" dirty="0"/>
              <a:t>. money coming in and going </a:t>
            </a:r>
            <a:r>
              <a:rPr lang="en-GB" dirty="0" smtClean="0"/>
              <a:t>out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inance</a:t>
            </a:r>
          </a:p>
        </p:txBody>
      </p:sp>
      <p:pic>
        <p:nvPicPr>
          <p:cNvPr id="31" name="Content Placeholder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27213" y="1722593"/>
            <a:ext cx="5721337" cy="572133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5234837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334851" y="1260000"/>
            <a:ext cx="6728101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dirty="0"/>
              <a:t>This function is responsible for finding out what customers want, and for promoting the business</a:t>
            </a:r>
          </a:p>
          <a:p>
            <a:endParaRPr lang="en-GB" dirty="0"/>
          </a:p>
          <a:p>
            <a:r>
              <a:rPr lang="en-GB" dirty="0" smtClean="0"/>
              <a:t>Market </a:t>
            </a:r>
            <a:r>
              <a:rPr lang="en-GB" dirty="0"/>
              <a:t>research </a:t>
            </a:r>
            <a:r>
              <a:rPr lang="en-GB" dirty="0" smtClean="0"/>
              <a:t>to </a:t>
            </a:r>
            <a:r>
              <a:rPr lang="en-GB" dirty="0"/>
              <a:t>research the market and find out customer opinions </a:t>
            </a:r>
          </a:p>
          <a:p>
            <a:pPr lvl="2"/>
            <a:r>
              <a:rPr lang="en-GB" dirty="0" smtClean="0"/>
              <a:t>To find out what customers want</a:t>
            </a:r>
          </a:p>
          <a:p>
            <a:pPr lvl="2"/>
            <a:r>
              <a:rPr lang="en-GB" dirty="0" smtClean="0"/>
              <a:t>To know how best to communicate with them</a:t>
            </a:r>
          </a:p>
          <a:p>
            <a:pPr lvl="2"/>
            <a:r>
              <a:rPr lang="en-GB" dirty="0" smtClean="0"/>
              <a:t>Using a variety of public relations activity</a:t>
            </a:r>
            <a:br>
              <a:rPr lang="en-GB" dirty="0" smtClean="0"/>
            </a:br>
            <a:r>
              <a:rPr lang="en-GB" dirty="0" smtClean="0"/>
              <a:t>and advertising media</a:t>
            </a:r>
          </a:p>
          <a:p>
            <a:r>
              <a:rPr lang="en-GB" dirty="0" smtClean="0"/>
              <a:t>Developing </a:t>
            </a:r>
            <a:r>
              <a:rPr lang="en-GB" dirty="0"/>
              <a:t>a marketing mix: Product, Price, Place, Promotion (4Ps) 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rketing</a:t>
            </a:r>
          </a:p>
        </p:txBody>
      </p:sp>
      <p:pic>
        <p:nvPicPr>
          <p:cNvPr id="31" name="Content Placeholder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81064" y="1077329"/>
            <a:ext cx="5976552" cy="504421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282684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362607" y="1223314"/>
            <a:ext cx="11324247" cy="73879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dirty="0"/>
              <a:t>This function is responsible for manufacturing finished goods that the business will sell</a:t>
            </a:r>
          </a:p>
          <a:p>
            <a:endParaRPr lang="en-GB" dirty="0"/>
          </a:p>
          <a:p>
            <a:r>
              <a:rPr lang="en-GB" dirty="0"/>
              <a:t>Production planning </a:t>
            </a:r>
            <a:endParaRPr lang="en-GB" dirty="0" smtClean="0"/>
          </a:p>
          <a:p>
            <a:pPr lvl="2"/>
            <a:r>
              <a:rPr lang="en-GB" dirty="0" smtClean="0"/>
              <a:t>By identifying correct production method</a:t>
            </a:r>
            <a:endParaRPr lang="en-GB" dirty="0"/>
          </a:p>
          <a:p>
            <a:r>
              <a:rPr lang="en-GB" dirty="0" smtClean="0"/>
              <a:t>Producing </a:t>
            </a:r>
            <a:r>
              <a:rPr lang="en-GB" dirty="0"/>
              <a:t>the product or service </a:t>
            </a:r>
          </a:p>
          <a:p>
            <a:pPr lvl="2"/>
            <a:r>
              <a:rPr lang="en-GB" dirty="0" smtClean="0"/>
              <a:t>By turning inputs into outputs</a:t>
            </a:r>
          </a:p>
          <a:p>
            <a:r>
              <a:rPr lang="en-GB" dirty="0" smtClean="0"/>
              <a:t>Quality </a:t>
            </a:r>
            <a:r>
              <a:rPr lang="en-GB" dirty="0"/>
              <a:t>control </a:t>
            </a:r>
          </a:p>
          <a:p>
            <a:pPr lvl="2"/>
            <a:r>
              <a:rPr lang="en-GB" dirty="0" smtClean="0"/>
              <a:t>To ensure consistency</a:t>
            </a:r>
          </a:p>
          <a:p>
            <a:r>
              <a:rPr lang="en-GB" dirty="0" smtClean="0"/>
              <a:t>Stock </a:t>
            </a:r>
            <a:r>
              <a:rPr lang="en-GB" dirty="0"/>
              <a:t>control </a:t>
            </a:r>
          </a:p>
          <a:p>
            <a:pPr lvl="2"/>
            <a:r>
              <a:rPr lang="en-GB" dirty="0" smtClean="0"/>
              <a:t>By packaging and storing them</a:t>
            </a:r>
          </a:p>
          <a:p>
            <a:r>
              <a:rPr lang="en-GB" dirty="0" smtClean="0"/>
              <a:t>Logistics</a:t>
            </a:r>
          </a:p>
          <a:p>
            <a:pPr lvl="2"/>
            <a:r>
              <a:rPr lang="en-GB" dirty="0" smtClean="0"/>
              <a:t>By ensuring the best method of getting a product from A to B</a:t>
            </a:r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Operation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58248" y="1223314"/>
            <a:ext cx="6841523" cy="566136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46499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0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0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0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0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0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0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0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9B32CA5-83DF-4C8A-B05A-6B6D943DEC42}"/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FOLDER" val="D:\Users\Ade\Dropbox\BusinessEd\Theory\A Level\2015 Specs\OCR\Theory Notes\01 Introduction To Business\02 Business Sectors\03_Business_Operation\"/>
  <p:tag name="ISPRING_PRESENTATION_PATH" val="D:\Users\Ade\Dropbox\BusinessEd\Theory\A Level\2015 Specs\OCR\Theory Notes\01 Introduction To Business\02 Business Sectors\03_Business_Operation.pptx"/>
  <p:tag name="ISPRING_RESOURCE_PATHS_HASH_PRESENTER" val="5f76f9ae9bf692eee6a8671099a2c74f65637837"/>
  <p:tag name="ARTICULATE_PRESENTER_VERSION" val="6"/>
  <p:tag name="ARTICULATE_PROJECT_CHECK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6EAA22B5-A346-426E-B316-86D7CAD57282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ARTICULATE_DESIGN_ID_BUSINESSED CONTENT" val="v1FP5YoT"/>
  <p:tag name="ISPRING_OUTPUT_FOLDER" val="C:\Users\adria\Dropbox\BusinessEd\Theory\Cambridge National\iSpring\Video"/>
  <p:tag name="ISPRING_PRESENTATION_TITLE" val="R064_LO6_1"/>
  <p:tag name="ARTICULATE_SLIDE_COUNT" val="4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heme/theme1.xml><?xml version="1.0" encoding="utf-8"?>
<a:theme xmlns:a="http://schemas.openxmlformats.org/drawingml/2006/main" name="BusinessEd Content">
  <a:themeElements>
    <a:clrScheme name="BusinessEd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85DFD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8293</TotalTime>
  <Words>585</Words>
  <Application>Microsoft Office PowerPoint</Application>
  <PresentationFormat>Widescreen</PresentationFormat>
  <Paragraphs>110</Paragraphs>
  <Slides>11</Slides>
  <Notes>9</Notes>
  <HiddenSlides>0</HiddenSlides>
  <MMClips>0</MMClips>
  <ScaleCrop>false</ScaleCrop>
  <HeadingPairs>
    <vt:vector size="6" baseType="variant">
      <vt:variant>
        <vt:lpstr>Fonts Used</vt:lpstr>
      </vt:variant>
      <vt:variant>
        <vt:i4>14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1</vt:i4>
      </vt:variant>
    </vt:vector>
  </HeadingPairs>
  <TitlesOfParts>
    <vt:vector size="27" baseType="lpstr">
      <vt:lpstr>Times New Roman</vt:lpstr>
      <vt:lpstr>Ubuntu</vt:lpstr>
      <vt:lpstr>Calibri Light</vt:lpstr>
      <vt:lpstr>Comic Sans MS</vt:lpstr>
      <vt:lpstr>Arial</vt:lpstr>
      <vt:lpstr>AR CENA</vt:lpstr>
      <vt:lpstr>Kalam Bold</vt:lpstr>
      <vt:lpstr>Calibri</vt:lpstr>
      <vt:lpstr>Trebuchet MS</vt:lpstr>
      <vt:lpstr>Tempus Sans ITC</vt:lpstr>
      <vt:lpstr>Verdana</vt:lpstr>
      <vt:lpstr>hurme_no2-webfont</vt:lpstr>
      <vt:lpstr>Wingdings</vt:lpstr>
      <vt:lpstr>Wingdings 3</vt:lpstr>
      <vt:lpstr>BusinessEd Content</vt:lpstr>
      <vt:lpstr>BusinessEd_Titles_Theme</vt:lpstr>
      <vt:lpstr>6.1 - The Purpose of The Main Functional Activities</vt:lpstr>
      <vt:lpstr>6.2 - The Main Activities of The Functional Areas</vt:lpstr>
      <vt:lpstr>Progress Indicators</vt:lpstr>
      <vt:lpstr>Functional Activities in a Start-up Business</vt:lpstr>
      <vt:lpstr>What Are Functional Activities?</vt:lpstr>
      <vt:lpstr>Human Resources (HR)</vt:lpstr>
      <vt:lpstr>Finance</vt:lpstr>
      <vt:lpstr>Marketing</vt:lpstr>
      <vt:lpstr>Operations</vt:lpstr>
      <vt:lpstr>Functional Activities in a Start-up Business</vt:lpstr>
      <vt:lpstr>https://quizlet.com/join/CJtRyVFVc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he Purpose of The Main Functional Activities</dc:title>
  <dc:creator>Adrian Murray</dc:creator>
  <cp:lastModifiedBy>Dean Roberts</cp:lastModifiedBy>
  <cp:revision>668</cp:revision>
  <dcterms:created xsi:type="dcterms:W3CDTF">2015-03-09T20:32:17Z</dcterms:created>
  <dcterms:modified xsi:type="dcterms:W3CDTF">2019-04-09T07:51:0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0D19AA09-90D9-4241-97CF-597543053CBA</vt:lpwstr>
  </property>
  <property fmtid="{D5CDD505-2E9C-101B-9397-08002B2CF9AE}" pid="5" name="ArticulateProjectFull">
    <vt:lpwstr>D:\Users\Ade\Dropbox\BusinessEd\Theory\Cambridge Technical\Level 3\Unit 1\LO2\U1LO2_2_1.ppta</vt:lpwstr>
  </property>
</Properties>
</file>